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19"/>
  </p:notesMasterIdLst>
  <p:handoutMasterIdLst>
    <p:handoutMasterId r:id="rId20"/>
  </p:handoutMasterIdLst>
  <p:sldIdLst>
    <p:sldId id="257" r:id="rId7"/>
    <p:sldId id="259" r:id="rId8"/>
    <p:sldId id="268" r:id="rId9"/>
    <p:sldId id="284" r:id="rId10"/>
    <p:sldId id="282" r:id="rId11"/>
    <p:sldId id="281" r:id="rId12"/>
    <p:sldId id="283" r:id="rId13"/>
    <p:sldId id="285" r:id="rId14"/>
    <p:sldId id="286" r:id="rId15"/>
    <p:sldId id="276" r:id="rId16"/>
    <p:sldId id="279" r:id="rId17"/>
    <p:sldId id="269" r:id="rId18"/>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80850C2-82F4-43A6-B98D-EC251C9BB76A}" v="9" dt="2024-05-03T06:25:53.46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8" autoAdjust="0"/>
  </p:normalViewPr>
  <p:slideViewPr>
    <p:cSldViewPr snapToGrid="0" showGuides="1">
      <p:cViewPr varScale="1">
        <p:scale>
          <a:sx n="50" d="100"/>
          <a:sy n="50" d="100"/>
        </p:scale>
        <p:origin x="632" y="40"/>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24" Type="http://schemas.openxmlformats.org/officeDocument/2006/relationships/theme" Target="theme/theme1.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6/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3/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sz="1100" dirty="0"/>
              <a:t>Working with big data poses several challenges, including volume, velocity, variety, and veracity. Volume refers to the sheer size and complexity of the dataset, requiring specialized processing methods. Velocity relates to the speed at which data is generated and processed, often necessitating real-time analytics capabilities. Variety encompasses the diverse range of data types and formats found within the dataset. Veracity concerns the reliability and quality of the data, including issues such as noise and uncertainty. Extracting value from big data requires sophisticated analytics techniques to uncover hidden patterns and trends. Additionally, visualizing and interpreting big data effectively can be challenging due to its size and complexity.</a:t>
            </a:r>
          </a:p>
          <a:p>
            <a:endParaRPr lang="en-ZA" sz="1100" dirty="0"/>
          </a:p>
          <a:p>
            <a:r>
              <a:rPr lang="en-ZA" sz="1100" dirty="0"/>
              <a:t>When working with big data it is crucial to prioritize the privacy of data, ensure transparency in data and algorithmic processes, uphold fairness, and strive for unbiased and equitable treatment in all aspects of data analysis. These principles serve as the ethical foundation guiding our work</a:t>
            </a:r>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25945638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 am Isabel de Waal and I will be discussing our first two insights. </a:t>
            </a:r>
            <a:br>
              <a:rPr lang="en-GB" dirty="0"/>
            </a:br>
            <a:br>
              <a:rPr lang="en-GB" dirty="0"/>
            </a:br>
            <a:r>
              <a:rPr lang="en-GB" dirty="0"/>
              <a:t>For the first insight, we were interested to see if there was any discrepancies between the jobs advertised by the employers, and the jobs searched for by possible new employees. We did this by using </a:t>
            </a:r>
            <a:r>
              <a:rPr lang="en-GB" dirty="0" err="1"/>
              <a:t>wordclouds</a:t>
            </a:r>
            <a:r>
              <a:rPr lang="en-GB" dirty="0"/>
              <a:t>. What we found was fascinating.</a:t>
            </a:r>
            <a:br>
              <a:rPr lang="en-GB" dirty="0"/>
            </a:br>
            <a:br>
              <a:rPr lang="en-GB" dirty="0"/>
            </a:br>
            <a:r>
              <a:rPr lang="en-GB" dirty="0"/>
              <a:t>It would seem that the employers are advertising jobs for data analyst, data manager, data engineer. On the other hand the possible employees are mostly searching for data entry clerk positions.</a:t>
            </a:r>
          </a:p>
          <a:p>
            <a:endParaRPr lang="en-GB" dirty="0"/>
          </a:p>
          <a:p>
            <a:r>
              <a:rPr lang="en-GB" dirty="0"/>
              <a:t>So there was a distinct difference between the terms that was used in the search and the terms used in the job advertisement.</a:t>
            </a:r>
          </a:p>
          <a:p>
            <a:r>
              <a:rPr lang="en-GB" dirty="0"/>
              <a:t>This could point to two possibilities:</a:t>
            </a:r>
          </a:p>
          <a:p>
            <a:pPr marL="228600" indent="-228600">
              <a:buAutoNum type="arabicPeriod"/>
            </a:pPr>
            <a:r>
              <a:rPr lang="en-GB" dirty="0"/>
              <a:t>Either there is a misunderstanding between employers and employees on what the terms mean, and they </a:t>
            </a:r>
            <a:r>
              <a:rPr lang="en-GB" dirty="0" err="1"/>
              <a:t>boath</a:t>
            </a:r>
            <a:r>
              <a:rPr lang="en-GB" dirty="0"/>
              <a:t> mean the same thing and just use different terms for them</a:t>
            </a:r>
          </a:p>
          <a:p>
            <a:pPr marL="228600" indent="-228600">
              <a:buAutoNum type="arabicPeriod"/>
            </a:pPr>
            <a:r>
              <a:rPr lang="en-GB" dirty="0"/>
              <a:t>The other possibility is that there is a distinct gap between the type of skillset available for hire, and the skillset and experience that is in demand for the employer.</a:t>
            </a:r>
          </a:p>
          <a:p>
            <a:pPr marL="228600" indent="-228600">
              <a:buAutoNum type="arabicPeriod"/>
            </a:pPr>
            <a:endParaRPr lang="en-GB" dirty="0"/>
          </a:p>
          <a:p>
            <a:pPr marL="0" indent="0">
              <a:buNone/>
            </a:pPr>
            <a:r>
              <a:rPr lang="en-GB" dirty="0"/>
              <a:t>Our  recommendation for recruitment is to concretise with your clients (the employers) what it is exactly that they want and expect from the position and then optimising the Keywords in the job advertisement to </a:t>
            </a:r>
            <a:r>
              <a:rPr lang="en-GB" dirty="0" err="1"/>
              <a:t>alighn</a:t>
            </a:r>
            <a:r>
              <a:rPr lang="en-GB" dirty="0"/>
              <a:t> more closely to what is available in the market.</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150806160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o coming off the back of the previous insight, we wanted to see what proportion of the jobs available were for junior positions and which were for mid senior</a:t>
            </a:r>
          </a:p>
          <a:p>
            <a:endParaRPr lang="en-GB" dirty="0"/>
          </a:p>
          <a:p>
            <a:r>
              <a:rPr lang="en-GB" dirty="0"/>
              <a:t> there are x more senior positions available, than junior, but the types of positions searched for were decidedly entry level positions. </a:t>
            </a:r>
          </a:p>
          <a:p>
            <a:endParaRPr lang="en-GB" dirty="0"/>
          </a:p>
          <a:p>
            <a:r>
              <a:rPr lang="en-GB" dirty="0"/>
              <a:t>Moving on along this vein, we looked at the different working arrangement.</a:t>
            </a:r>
          </a:p>
          <a:p>
            <a:r>
              <a:rPr lang="en-GB" dirty="0"/>
              <a:t>One of the big advantages of jobs in the data science field, is the possibility for hybrid or remote working arrangements. This is </a:t>
            </a:r>
            <a:r>
              <a:rPr lang="en-GB" dirty="0" err="1"/>
              <a:t>expecially</a:t>
            </a:r>
            <a:r>
              <a:rPr lang="en-GB" dirty="0"/>
              <a:t> attractive for younger employees. </a:t>
            </a:r>
            <a:br>
              <a:rPr lang="en-GB" dirty="0"/>
            </a:br>
            <a:br>
              <a:rPr lang="en-GB" dirty="0"/>
            </a:br>
            <a:r>
              <a:rPr lang="en-GB" dirty="0"/>
              <a:t>The jobs advertised were overwhelmingly “onsite” jobs.</a:t>
            </a:r>
          </a:p>
          <a:p>
            <a:endParaRPr lang="en-GB" dirty="0"/>
          </a:p>
          <a:p>
            <a:r>
              <a:rPr lang="en-GB" dirty="0"/>
              <a:t>For the </a:t>
            </a:r>
            <a:r>
              <a:rPr lang="en-GB" dirty="0" err="1"/>
              <a:t>reqruitment</a:t>
            </a:r>
            <a:r>
              <a:rPr lang="en-GB" dirty="0"/>
              <a:t> strategy, we recommend going to the employers and asking them if it would be possible to rewrite the post to fit a more junior role, as there is an abundance of these employees in the field. They may also attract a much larger pool of potential employees by offering hybrid and remote working arrangements.</a:t>
            </a:r>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11139485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rom this we could see that the majority of data science and data science-related jobs are advertised in the United States (84%), with smaller numbers of jobs coming from the UK, Canada, Australia, Mexico, and India.</a:t>
            </a:r>
          </a:p>
          <a:p>
            <a:r>
              <a:rPr lang="en-US" dirty="0"/>
              <a:t>We can also see that almost all applicants only consider jobs within their own country, but this could be due to the fact that the majority of jobs analyzed were hybrid </a:t>
            </a:r>
            <a:r>
              <a:rPr lang="en-US"/>
              <a:t>or on-site.</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dirty="0"/>
          </a:p>
        </p:txBody>
      </p:sp>
    </p:spTree>
    <p:extLst>
      <p:ext uri="{BB962C8B-B14F-4D97-AF65-F5344CB8AC3E}">
        <p14:creationId xmlns:p14="http://schemas.microsoft.com/office/powerpoint/2010/main" val="193878126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3/20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3/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3/20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3/2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3/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3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3/20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3/20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3/20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3/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3/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3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3/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10.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7.xml"/><Relationship Id="rId1" Type="http://schemas.openxmlformats.org/officeDocument/2006/relationships/slideLayout" Target="../slideLayouts/slideLayout52.xml"/></Relationships>
</file>

<file path=ppt/slides/_rels/slide11.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Layout" Target="../slideLayouts/slideLayout52.xml"/><Relationship Id="rId5" Type="http://schemas.openxmlformats.org/officeDocument/2006/relationships/image" Target="../media/image57.svg"/><Relationship Id="rId4" Type="http://schemas.openxmlformats.org/officeDocument/2006/relationships/image" Target="../media/image56.png"/></Relationships>
</file>

<file path=ppt/slides/_rels/slide12.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59.svg"/></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2.xml"/><Relationship Id="rId16" Type="http://schemas.openxmlformats.org/officeDocument/2006/relationships/image" Target="../media/image31.svg"/><Relationship Id="rId1" Type="http://schemas.openxmlformats.org/officeDocument/2006/relationships/customXml" Target="../../customXml/item3.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1.svg"/><Relationship Id="rId3" Type="http://schemas.openxmlformats.org/officeDocument/2006/relationships/image" Target="../media/image35.png"/><Relationship Id="rId7" Type="http://schemas.openxmlformats.org/officeDocument/2006/relationships/image" Target="../media/image30.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8.svg"/><Relationship Id="rId5" Type="http://schemas.openxmlformats.org/officeDocument/2006/relationships/image" Target="../media/image37.png"/><Relationship Id="rId10" Type="http://schemas.openxmlformats.org/officeDocument/2006/relationships/image" Target="../media/image40.svg"/><Relationship Id="rId4" Type="http://schemas.openxmlformats.org/officeDocument/2006/relationships/image" Target="../media/image36.svg"/><Relationship Id="rId9" Type="http://schemas.openxmlformats.org/officeDocument/2006/relationships/image" Target="../media/image39.png"/></Relationships>
</file>

<file path=ppt/slides/_rels/slide6.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image" Target="../media/image41.png"/><Relationship Id="rId7" Type="http://schemas.openxmlformats.org/officeDocument/2006/relationships/image" Target="../media/image45.png"/><Relationship Id="rId2" Type="http://schemas.openxmlformats.org/officeDocument/2006/relationships/notesSlide" Target="../notesSlides/notesSlide3.xml"/><Relationship Id="rId1" Type="http://schemas.openxmlformats.org/officeDocument/2006/relationships/slideLayout" Target="../slideLayouts/slideLayout52.xml"/><Relationship Id="rId6" Type="http://schemas.openxmlformats.org/officeDocument/2006/relationships/image" Target="../media/image44.svg"/><Relationship Id="rId5" Type="http://schemas.openxmlformats.org/officeDocument/2006/relationships/image" Target="../media/image43.png"/><Relationship Id="rId10" Type="http://schemas.openxmlformats.org/officeDocument/2006/relationships/image" Target="../media/image48.png"/><Relationship Id="rId4" Type="http://schemas.openxmlformats.org/officeDocument/2006/relationships/image" Target="../media/image42.svg"/><Relationship Id="rId9" Type="http://schemas.openxmlformats.org/officeDocument/2006/relationships/image" Target="../media/image47.pn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2.xml"/></Relationships>
</file>

<file path=ppt/slides/_rels/slide8.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5.xml"/><Relationship Id="rId1" Type="http://schemas.openxmlformats.org/officeDocument/2006/relationships/slideLayout" Target="../slideLayouts/slideLayout52.xml"/><Relationship Id="rId4" Type="http://schemas.openxmlformats.org/officeDocument/2006/relationships/image" Target="../media/image50.png"/></Relationships>
</file>

<file path=ppt/slides/_rels/slide9.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6.xml"/><Relationship Id="rId1" Type="http://schemas.openxmlformats.org/officeDocument/2006/relationships/slideLayout" Target="../slideLayouts/slideLayout52.xml"/><Relationship Id="rId5" Type="http://schemas.openxmlformats.org/officeDocument/2006/relationships/image" Target="../media/image53.png"/><Relationship Id="rId4" Type="http://schemas.openxmlformats.org/officeDocument/2006/relationships/image" Target="../media/image52.png"/></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2</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3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Data Analysis: Insight 3 </a:t>
            </a:r>
          </a:p>
        </p:txBody>
      </p:sp>
      <p:sp>
        <p:nvSpPr>
          <p:cNvPr id="2" name="TextBox 1">
            <a:extLst>
              <a:ext uri="{FF2B5EF4-FFF2-40B4-BE49-F238E27FC236}">
                <a16:creationId xmlns:a16="http://schemas.microsoft.com/office/drawing/2014/main" id="{EF012D47-4325-B214-DF1E-8AE1E39FF326}"/>
              </a:ext>
            </a:extLst>
          </p:cNvPr>
          <p:cNvSpPr txBox="1"/>
          <p:nvPr/>
        </p:nvSpPr>
        <p:spPr>
          <a:xfrm rot="10800000" flipV="1">
            <a:off x="6604000" y="2430425"/>
            <a:ext cx="4511039" cy="1997150"/>
          </a:xfrm>
          <a:prstGeom prst="rect">
            <a:avLst/>
          </a:prstGeom>
          <a:noFill/>
        </p:spPr>
        <p:txBody>
          <a:bodyPr wrap="square" rtlCol="0">
            <a:spAutoFit/>
          </a:bodyPr>
          <a:lstStyle/>
          <a:p>
            <a:pPr>
              <a:lnSpc>
                <a:spcPct val="150000"/>
              </a:lnSpc>
            </a:pPr>
            <a:r>
              <a:rPr lang="en-ZA" sz="1200" b="1" dirty="0">
                <a:latin typeface="Arial" panose="020B0604020202020204" pitchFamily="34" charset="0"/>
                <a:cs typeface="Arial" panose="020B0604020202020204" pitchFamily="34" charset="0"/>
              </a:rPr>
              <a:t>Insight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The third insight examined the connection between advertised job locations and the locations from which job searches originate.</a:t>
            </a:r>
          </a:p>
          <a:p>
            <a:pPr>
              <a:lnSpc>
                <a:spcPct val="150000"/>
              </a:lnSpc>
            </a:pPr>
            <a:r>
              <a:rPr lang="en-ZA" sz="1200" b="1" dirty="0">
                <a:latin typeface="Arial" panose="020B0604020202020204" pitchFamily="34" charset="0"/>
                <a:cs typeface="Arial" panose="020B0604020202020204" pitchFamily="34" charset="0"/>
              </a:rPr>
              <a:t>Recruitment Strategy</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Focus efforts on the United states, and potentially consider hiring senior talent from other countries on an online basis.</a:t>
            </a:r>
          </a:p>
        </p:txBody>
      </p:sp>
      <p:pic>
        <p:nvPicPr>
          <p:cNvPr id="3" name="Picture 2">
            <a:extLst>
              <a:ext uri="{FF2B5EF4-FFF2-40B4-BE49-F238E27FC236}">
                <a16:creationId xmlns:a16="http://schemas.microsoft.com/office/drawing/2014/main" id="{F3650619-DCE9-9564-0059-8439DC4046C1}"/>
              </a:ext>
            </a:extLst>
          </p:cNvPr>
          <p:cNvPicPr>
            <a:picLocks noChangeAspect="1"/>
          </p:cNvPicPr>
          <p:nvPr/>
        </p:nvPicPr>
        <p:blipFill>
          <a:blip r:embed="rId3"/>
          <a:stretch>
            <a:fillRect/>
          </a:stretch>
        </p:blipFill>
        <p:spPr>
          <a:xfrm>
            <a:off x="6083807" y="1330436"/>
            <a:ext cx="12193" cy="5121084"/>
          </a:xfrm>
          <a:prstGeom prst="rect">
            <a:avLst/>
          </a:prstGeom>
        </p:spPr>
      </p:pic>
      <p:graphicFrame>
        <p:nvGraphicFramePr>
          <p:cNvPr id="5" name="Table 4">
            <a:extLst>
              <a:ext uri="{FF2B5EF4-FFF2-40B4-BE49-F238E27FC236}">
                <a16:creationId xmlns:a16="http://schemas.microsoft.com/office/drawing/2014/main" id="{9716D405-726E-3F54-47D6-0F04810B449F}"/>
              </a:ext>
            </a:extLst>
          </p:cNvPr>
          <p:cNvGraphicFramePr>
            <a:graphicFrameLocks noGrp="1"/>
          </p:cNvGraphicFramePr>
          <p:nvPr>
            <p:extLst>
              <p:ext uri="{D42A27DB-BD31-4B8C-83A1-F6EECF244321}">
                <p14:modId xmlns:p14="http://schemas.microsoft.com/office/powerpoint/2010/main" val="3700504977"/>
              </p:ext>
            </p:extLst>
          </p:nvPr>
        </p:nvGraphicFramePr>
        <p:xfrm>
          <a:off x="393526" y="2110120"/>
          <a:ext cx="5436281" cy="3467735"/>
        </p:xfrm>
        <a:graphic>
          <a:graphicData uri="http://schemas.openxmlformats.org/drawingml/2006/table">
            <a:tbl>
              <a:tblPr firstRow="1" bandRow="1">
                <a:tableStyleId>{F5AB1C69-6EDB-4FF4-983F-18BD219EF322}</a:tableStyleId>
              </a:tblPr>
              <a:tblGrid>
                <a:gridCol w="1536874">
                  <a:extLst>
                    <a:ext uri="{9D8B030D-6E8A-4147-A177-3AD203B41FA5}">
                      <a16:colId xmlns:a16="http://schemas.microsoft.com/office/drawing/2014/main" val="2573292811"/>
                    </a:ext>
                  </a:extLst>
                </a:gridCol>
                <a:gridCol w="1549400">
                  <a:extLst>
                    <a:ext uri="{9D8B030D-6E8A-4147-A177-3AD203B41FA5}">
                      <a16:colId xmlns:a16="http://schemas.microsoft.com/office/drawing/2014/main" val="88541337"/>
                    </a:ext>
                  </a:extLst>
                </a:gridCol>
                <a:gridCol w="1244599">
                  <a:extLst>
                    <a:ext uri="{9D8B030D-6E8A-4147-A177-3AD203B41FA5}">
                      <a16:colId xmlns:a16="http://schemas.microsoft.com/office/drawing/2014/main" val="2483802082"/>
                    </a:ext>
                  </a:extLst>
                </a:gridCol>
                <a:gridCol w="1105408">
                  <a:extLst>
                    <a:ext uri="{9D8B030D-6E8A-4147-A177-3AD203B41FA5}">
                      <a16:colId xmlns:a16="http://schemas.microsoft.com/office/drawing/2014/main" val="3786076838"/>
                    </a:ext>
                  </a:extLst>
                </a:gridCol>
              </a:tblGrid>
              <a:tr h="370840">
                <a:tc>
                  <a:txBody>
                    <a:bodyPr/>
                    <a:lstStyle/>
                    <a:p>
                      <a:pPr algn="l"/>
                      <a:r>
                        <a:rPr lang="en-ZA" sz="1400" dirty="0">
                          <a:effectLst/>
                        </a:rPr>
                        <a:t>Search Country</a:t>
                      </a:r>
                    </a:p>
                  </a:txBody>
                  <a:tcPr marL="57150" marR="57150" marB="28575" anchor="ctr"/>
                </a:tc>
                <a:tc>
                  <a:txBody>
                    <a:bodyPr/>
                    <a:lstStyle/>
                    <a:p>
                      <a:pPr algn="l"/>
                      <a:r>
                        <a:rPr lang="en-ZA" sz="1400" dirty="0">
                          <a:effectLst/>
                        </a:rPr>
                        <a:t>Job Country</a:t>
                      </a:r>
                    </a:p>
                  </a:txBody>
                  <a:tcPr marL="57150" marR="57150" marB="28575" anchor="ctr"/>
                </a:tc>
                <a:tc>
                  <a:txBody>
                    <a:bodyPr/>
                    <a:lstStyle/>
                    <a:p>
                      <a:pPr algn="l"/>
                      <a:r>
                        <a:rPr lang="en-ZA" sz="1400" dirty="0">
                          <a:effectLst/>
                        </a:rPr>
                        <a:t>Occurrence Frequency</a:t>
                      </a:r>
                    </a:p>
                  </a:txBody>
                  <a:tcPr marL="57150" marR="57150" marB="28575" anchor="ctr"/>
                </a:tc>
                <a:tc>
                  <a:txBody>
                    <a:bodyPr/>
                    <a:lstStyle/>
                    <a:p>
                      <a:pPr algn="l"/>
                      <a:r>
                        <a:rPr lang="en-ZA" sz="1400" dirty="0">
                          <a:effectLst/>
                        </a:rPr>
                        <a:t>Relative Frequency</a:t>
                      </a:r>
                    </a:p>
                  </a:txBody>
                  <a:tcPr marL="57150" marR="57150" marB="28575" anchor="ctr"/>
                </a:tc>
                <a:extLst>
                  <a:ext uri="{0D108BD9-81ED-4DB2-BD59-A6C34878D82A}">
                    <a16:rowId xmlns:a16="http://schemas.microsoft.com/office/drawing/2014/main" val="704089134"/>
                  </a:ext>
                </a:extLst>
              </a:tr>
              <a:tr h="370840">
                <a:tc>
                  <a:txBody>
                    <a:bodyPr/>
                    <a:lstStyle/>
                    <a:p>
                      <a:pPr algn="l"/>
                      <a:r>
                        <a:rPr lang="en-ZA" sz="1400" dirty="0">
                          <a:effectLst/>
                        </a:rPr>
                        <a:t>United States</a:t>
                      </a:r>
                    </a:p>
                  </a:txBody>
                  <a:tcPr marL="57150" marR="57150" marT="19050" marB="19050" anchor="ctr"/>
                </a:tc>
                <a:tc>
                  <a:txBody>
                    <a:bodyPr/>
                    <a:lstStyle/>
                    <a:p>
                      <a:pPr algn="l"/>
                      <a:r>
                        <a:rPr lang="en-ZA" sz="1400">
                          <a:effectLst/>
                        </a:rPr>
                        <a:t>United States</a:t>
                      </a:r>
                    </a:p>
                  </a:txBody>
                  <a:tcPr marL="57150" marR="57150" marT="19050" marB="19050" anchor="ctr"/>
                </a:tc>
                <a:tc>
                  <a:txBody>
                    <a:bodyPr/>
                    <a:lstStyle/>
                    <a:p>
                      <a:pPr algn="r"/>
                      <a:r>
                        <a:rPr lang="en-ZA" sz="1400" dirty="0">
                          <a:effectLst/>
                        </a:rPr>
                        <a:t>10 235</a:t>
                      </a:r>
                    </a:p>
                  </a:txBody>
                  <a:tcPr marL="57150" marR="57150" marT="19050" marB="19050" anchor="ctr"/>
                </a:tc>
                <a:tc>
                  <a:txBody>
                    <a:bodyPr/>
                    <a:lstStyle/>
                    <a:p>
                      <a:pPr algn="r"/>
                      <a:r>
                        <a:rPr lang="en-ZA" sz="1400" dirty="0">
                          <a:effectLst/>
                        </a:rPr>
                        <a:t>84.1%</a:t>
                      </a:r>
                    </a:p>
                  </a:txBody>
                  <a:tcPr marL="57150" marR="57150" marT="19050" marB="19050" anchor="ctr"/>
                </a:tc>
                <a:extLst>
                  <a:ext uri="{0D108BD9-81ED-4DB2-BD59-A6C34878D82A}">
                    <a16:rowId xmlns:a16="http://schemas.microsoft.com/office/drawing/2014/main" val="4192020622"/>
                  </a:ext>
                </a:extLst>
              </a:tr>
              <a:tr h="370840">
                <a:tc>
                  <a:txBody>
                    <a:bodyPr/>
                    <a:lstStyle/>
                    <a:p>
                      <a:pPr algn="l"/>
                      <a:r>
                        <a:rPr lang="en-ZA" sz="1400">
                          <a:effectLst/>
                        </a:rPr>
                        <a:t>United Kingdom</a:t>
                      </a:r>
                    </a:p>
                  </a:txBody>
                  <a:tcPr marL="57150" marR="57150" marT="19050" marB="19050" anchor="ctr"/>
                </a:tc>
                <a:tc>
                  <a:txBody>
                    <a:bodyPr/>
                    <a:lstStyle/>
                    <a:p>
                      <a:pPr algn="l"/>
                      <a:r>
                        <a:rPr lang="en-ZA" sz="1400" dirty="0">
                          <a:effectLst/>
                        </a:rPr>
                        <a:t>United Kingdom</a:t>
                      </a:r>
                    </a:p>
                  </a:txBody>
                  <a:tcPr marL="57150" marR="57150" marT="19050" marB="19050" anchor="ctr"/>
                </a:tc>
                <a:tc>
                  <a:txBody>
                    <a:bodyPr/>
                    <a:lstStyle/>
                    <a:p>
                      <a:pPr algn="r"/>
                      <a:r>
                        <a:rPr lang="en-ZA" sz="1400" dirty="0">
                          <a:effectLst/>
                        </a:rPr>
                        <a:t>994</a:t>
                      </a:r>
                    </a:p>
                  </a:txBody>
                  <a:tcPr marL="57150" marR="57150" marT="19050" marB="19050" anchor="ctr"/>
                </a:tc>
                <a:tc>
                  <a:txBody>
                    <a:bodyPr/>
                    <a:lstStyle/>
                    <a:p>
                      <a:pPr algn="r"/>
                      <a:r>
                        <a:rPr lang="en-ZA" sz="1400" dirty="0">
                          <a:effectLst/>
                        </a:rPr>
                        <a:t>8.2%</a:t>
                      </a:r>
                    </a:p>
                  </a:txBody>
                  <a:tcPr marL="57150" marR="57150" marT="19050" marB="19050" anchor="ctr"/>
                </a:tc>
                <a:extLst>
                  <a:ext uri="{0D108BD9-81ED-4DB2-BD59-A6C34878D82A}">
                    <a16:rowId xmlns:a16="http://schemas.microsoft.com/office/drawing/2014/main" val="1984399260"/>
                  </a:ext>
                </a:extLst>
              </a:tr>
              <a:tr h="370840">
                <a:tc>
                  <a:txBody>
                    <a:bodyPr/>
                    <a:lstStyle/>
                    <a:p>
                      <a:pPr algn="l"/>
                      <a:r>
                        <a:rPr lang="en-ZA" sz="1400">
                          <a:effectLst/>
                        </a:rPr>
                        <a:t>Canada</a:t>
                      </a:r>
                    </a:p>
                  </a:txBody>
                  <a:tcPr marL="57150" marR="57150" marT="19050" marB="19050" anchor="ctr"/>
                </a:tc>
                <a:tc>
                  <a:txBody>
                    <a:bodyPr/>
                    <a:lstStyle/>
                    <a:p>
                      <a:pPr algn="l"/>
                      <a:r>
                        <a:rPr lang="en-ZA" sz="1400" dirty="0">
                          <a:effectLst/>
                        </a:rPr>
                        <a:t>Canada</a:t>
                      </a:r>
                    </a:p>
                  </a:txBody>
                  <a:tcPr marL="57150" marR="57150" marT="19050" marB="19050" anchor="ctr"/>
                </a:tc>
                <a:tc>
                  <a:txBody>
                    <a:bodyPr/>
                    <a:lstStyle/>
                    <a:p>
                      <a:pPr algn="r"/>
                      <a:r>
                        <a:rPr lang="en-ZA" sz="1400" dirty="0">
                          <a:effectLst/>
                        </a:rPr>
                        <a:t>624</a:t>
                      </a:r>
                    </a:p>
                  </a:txBody>
                  <a:tcPr marL="57150" marR="57150" marT="19050" marB="19050" anchor="ctr"/>
                </a:tc>
                <a:tc>
                  <a:txBody>
                    <a:bodyPr/>
                    <a:lstStyle/>
                    <a:p>
                      <a:pPr algn="r"/>
                      <a:r>
                        <a:rPr lang="en-ZA" sz="1400" dirty="0">
                          <a:effectLst/>
                        </a:rPr>
                        <a:t>5.1%</a:t>
                      </a:r>
                    </a:p>
                  </a:txBody>
                  <a:tcPr marL="57150" marR="57150" marT="19050" marB="19050" anchor="ctr"/>
                </a:tc>
                <a:extLst>
                  <a:ext uri="{0D108BD9-81ED-4DB2-BD59-A6C34878D82A}">
                    <a16:rowId xmlns:a16="http://schemas.microsoft.com/office/drawing/2014/main" val="1331005820"/>
                  </a:ext>
                </a:extLst>
              </a:tr>
              <a:tr h="370840">
                <a:tc>
                  <a:txBody>
                    <a:bodyPr/>
                    <a:lstStyle/>
                    <a:p>
                      <a:pPr algn="l"/>
                      <a:r>
                        <a:rPr lang="en-ZA" sz="1400">
                          <a:effectLst/>
                        </a:rPr>
                        <a:t>Australia</a:t>
                      </a:r>
                    </a:p>
                  </a:txBody>
                  <a:tcPr marL="57150" marR="57150" marT="19050" marB="19050" anchor="ctr"/>
                </a:tc>
                <a:tc>
                  <a:txBody>
                    <a:bodyPr/>
                    <a:lstStyle/>
                    <a:p>
                      <a:pPr algn="l"/>
                      <a:r>
                        <a:rPr lang="en-ZA" sz="1400" dirty="0">
                          <a:effectLst/>
                        </a:rPr>
                        <a:t>Australia</a:t>
                      </a:r>
                    </a:p>
                  </a:txBody>
                  <a:tcPr marL="57150" marR="57150" marT="19050" marB="19050" anchor="ctr"/>
                </a:tc>
                <a:tc>
                  <a:txBody>
                    <a:bodyPr/>
                    <a:lstStyle/>
                    <a:p>
                      <a:pPr algn="r"/>
                      <a:r>
                        <a:rPr lang="en-ZA" sz="1400" dirty="0">
                          <a:effectLst/>
                        </a:rPr>
                        <a:t>301</a:t>
                      </a:r>
                    </a:p>
                  </a:txBody>
                  <a:tcPr marL="57150" marR="57150" marT="19050" marB="19050" anchor="ctr"/>
                </a:tc>
                <a:tc>
                  <a:txBody>
                    <a:bodyPr/>
                    <a:lstStyle/>
                    <a:p>
                      <a:pPr algn="r"/>
                      <a:r>
                        <a:rPr lang="en-ZA" sz="1400" dirty="0">
                          <a:effectLst/>
                        </a:rPr>
                        <a:t>2.5%</a:t>
                      </a:r>
                    </a:p>
                  </a:txBody>
                  <a:tcPr marL="57150" marR="57150" marT="19050" marB="19050" anchor="ctr"/>
                </a:tc>
                <a:extLst>
                  <a:ext uri="{0D108BD9-81ED-4DB2-BD59-A6C34878D82A}">
                    <a16:rowId xmlns:a16="http://schemas.microsoft.com/office/drawing/2014/main" val="3721434414"/>
                  </a:ext>
                </a:extLst>
              </a:tr>
              <a:tr h="370840">
                <a:tc>
                  <a:txBody>
                    <a:bodyPr/>
                    <a:lstStyle/>
                    <a:p>
                      <a:pPr algn="l"/>
                      <a:r>
                        <a:rPr lang="en-ZA" sz="1400">
                          <a:effectLst/>
                        </a:rPr>
                        <a:t>United States</a:t>
                      </a:r>
                    </a:p>
                  </a:txBody>
                  <a:tcPr marL="57150" marR="57150" marT="19050" marB="19050" anchor="ctr"/>
                </a:tc>
                <a:tc>
                  <a:txBody>
                    <a:bodyPr/>
                    <a:lstStyle/>
                    <a:p>
                      <a:pPr algn="l"/>
                      <a:r>
                        <a:rPr lang="en-ZA" sz="1400">
                          <a:effectLst/>
                        </a:rPr>
                        <a:t>Mexico</a:t>
                      </a:r>
                    </a:p>
                  </a:txBody>
                  <a:tcPr marL="57150" marR="57150" marT="19050" marB="19050" anchor="ctr"/>
                </a:tc>
                <a:tc>
                  <a:txBody>
                    <a:bodyPr/>
                    <a:lstStyle/>
                    <a:p>
                      <a:pPr algn="r"/>
                      <a:r>
                        <a:rPr lang="en-ZA" sz="1400" dirty="0">
                          <a:effectLst/>
                        </a:rPr>
                        <a:t>10</a:t>
                      </a:r>
                    </a:p>
                  </a:txBody>
                  <a:tcPr marL="57150" marR="57150" marT="19050" marB="19050" anchor="ctr"/>
                </a:tc>
                <a:tc>
                  <a:txBody>
                    <a:bodyPr/>
                    <a:lstStyle/>
                    <a:p>
                      <a:pPr algn="r"/>
                      <a:r>
                        <a:rPr lang="en-ZA" sz="1400" dirty="0">
                          <a:effectLst/>
                        </a:rPr>
                        <a:t>0.1%</a:t>
                      </a:r>
                    </a:p>
                  </a:txBody>
                  <a:tcPr marL="57150" marR="57150" marT="19050" marB="19050" anchor="ctr"/>
                </a:tc>
                <a:extLst>
                  <a:ext uri="{0D108BD9-81ED-4DB2-BD59-A6C34878D82A}">
                    <a16:rowId xmlns:a16="http://schemas.microsoft.com/office/drawing/2014/main" val="1091578006"/>
                  </a:ext>
                </a:extLst>
              </a:tr>
              <a:tr h="370840">
                <a:tc>
                  <a:txBody>
                    <a:bodyPr/>
                    <a:lstStyle/>
                    <a:p>
                      <a:pPr algn="l"/>
                      <a:r>
                        <a:rPr lang="en-ZA" sz="1400">
                          <a:effectLst/>
                        </a:rPr>
                        <a:t>United States</a:t>
                      </a:r>
                    </a:p>
                  </a:txBody>
                  <a:tcPr marL="57150" marR="57150" marT="19050" marB="19050" anchor="ctr"/>
                </a:tc>
                <a:tc>
                  <a:txBody>
                    <a:bodyPr/>
                    <a:lstStyle/>
                    <a:p>
                      <a:pPr algn="l"/>
                      <a:r>
                        <a:rPr lang="en-ZA" sz="1400">
                          <a:effectLst/>
                        </a:rPr>
                        <a:t>Canada</a:t>
                      </a:r>
                    </a:p>
                  </a:txBody>
                  <a:tcPr marL="57150" marR="57150" marT="19050" marB="19050" anchor="ctr"/>
                </a:tc>
                <a:tc>
                  <a:txBody>
                    <a:bodyPr/>
                    <a:lstStyle/>
                    <a:p>
                      <a:pPr algn="r"/>
                      <a:r>
                        <a:rPr lang="en-ZA" sz="1400" dirty="0">
                          <a:effectLst/>
                        </a:rPr>
                        <a:t>1</a:t>
                      </a:r>
                    </a:p>
                  </a:txBody>
                  <a:tcPr marL="57150" marR="57150" marT="19050" marB="19050" anchor="ctr"/>
                </a:tc>
                <a:tc>
                  <a:txBody>
                    <a:bodyPr/>
                    <a:lstStyle/>
                    <a:p>
                      <a:pPr algn="r"/>
                      <a:r>
                        <a:rPr lang="en-ZA" sz="1400" dirty="0">
                          <a:effectLst/>
                        </a:rPr>
                        <a:t>0.0%</a:t>
                      </a:r>
                    </a:p>
                  </a:txBody>
                  <a:tcPr marL="57150" marR="57150" marT="19050" marB="19050" anchor="ctr"/>
                </a:tc>
                <a:extLst>
                  <a:ext uri="{0D108BD9-81ED-4DB2-BD59-A6C34878D82A}">
                    <a16:rowId xmlns:a16="http://schemas.microsoft.com/office/drawing/2014/main" val="3553138461"/>
                  </a:ext>
                </a:extLst>
              </a:tr>
              <a:tr h="370840">
                <a:tc>
                  <a:txBody>
                    <a:bodyPr/>
                    <a:lstStyle/>
                    <a:p>
                      <a:pPr algn="l"/>
                      <a:r>
                        <a:rPr lang="en-ZA" sz="1400">
                          <a:effectLst/>
                        </a:rPr>
                        <a:t>United States</a:t>
                      </a:r>
                    </a:p>
                  </a:txBody>
                  <a:tcPr marL="57150" marR="57150" marT="19050" marB="19050" anchor="ctr"/>
                </a:tc>
                <a:tc>
                  <a:txBody>
                    <a:bodyPr/>
                    <a:lstStyle/>
                    <a:p>
                      <a:pPr algn="l"/>
                      <a:r>
                        <a:rPr lang="en-ZA" sz="1400">
                          <a:effectLst/>
                        </a:rPr>
                        <a:t>India</a:t>
                      </a:r>
                    </a:p>
                  </a:txBody>
                  <a:tcPr marL="57150" marR="57150" marT="19050" marB="19050" anchor="ctr"/>
                </a:tc>
                <a:tc>
                  <a:txBody>
                    <a:bodyPr/>
                    <a:lstStyle/>
                    <a:p>
                      <a:pPr algn="r"/>
                      <a:r>
                        <a:rPr lang="en-ZA" sz="1400" dirty="0">
                          <a:effectLst/>
                        </a:rPr>
                        <a:t>1</a:t>
                      </a:r>
                    </a:p>
                  </a:txBody>
                  <a:tcPr marL="57150" marR="57150" marT="19050" marB="19050" anchor="ctr"/>
                </a:tc>
                <a:tc>
                  <a:txBody>
                    <a:bodyPr/>
                    <a:lstStyle/>
                    <a:p>
                      <a:pPr algn="r"/>
                      <a:r>
                        <a:rPr lang="en-ZA" sz="1400" dirty="0">
                          <a:effectLst/>
                        </a:rPr>
                        <a:t>0.0%</a:t>
                      </a:r>
                    </a:p>
                  </a:txBody>
                  <a:tcPr marL="57150" marR="57150" marT="19050" marB="19050" anchor="ctr"/>
                </a:tc>
                <a:extLst>
                  <a:ext uri="{0D108BD9-81ED-4DB2-BD59-A6C34878D82A}">
                    <a16:rowId xmlns:a16="http://schemas.microsoft.com/office/drawing/2014/main" val="1514306470"/>
                  </a:ext>
                </a:extLst>
              </a:tr>
              <a:tr h="370840">
                <a:tc>
                  <a:txBody>
                    <a:bodyPr/>
                    <a:lstStyle/>
                    <a:p>
                      <a:pPr algn="l"/>
                      <a:r>
                        <a:rPr lang="en-ZA" sz="1400">
                          <a:effectLst/>
                        </a:rPr>
                        <a:t>Canada</a:t>
                      </a:r>
                    </a:p>
                  </a:txBody>
                  <a:tcPr marL="57150" marR="57150" marT="19050" marB="19050" anchor="ctr"/>
                </a:tc>
                <a:tc>
                  <a:txBody>
                    <a:bodyPr/>
                    <a:lstStyle/>
                    <a:p>
                      <a:pPr algn="l"/>
                      <a:r>
                        <a:rPr lang="en-ZA" sz="1400" dirty="0">
                          <a:effectLst/>
                        </a:rPr>
                        <a:t>United States</a:t>
                      </a:r>
                    </a:p>
                  </a:txBody>
                  <a:tcPr marL="57150" marR="57150" marT="19050" marB="19050" anchor="ctr"/>
                </a:tc>
                <a:tc>
                  <a:txBody>
                    <a:bodyPr/>
                    <a:lstStyle/>
                    <a:p>
                      <a:pPr algn="r"/>
                      <a:r>
                        <a:rPr lang="en-ZA" sz="1400" dirty="0">
                          <a:effectLst/>
                        </a:rPr>
                        <a:t>6</a:t>
                      </a:r>
                    </a:p>
                  </a:txBody>
                  <a:tcPr marL="57150" marR="57150" marT="19050" marB="19050" anchor="ctr"/>
                </a:tc>
                <a:tc>
                  <a:txBody>
                    <a:bodyPr/>
                    <a:lstStyle/>
                    <a:p>
                      <a:pPr algn="r"/>
                      <a:r>
                        <a:rPr lang="en-ZA" sz="1400" dirty="0">
                          <a:effectLst/>
                        </a:rPr>
                        <a:t>0.0%</a:t>
                      </a:r>
                    </a:p>
                  </a:txBody>
                  <a:tcPr marL="57150" marR="57150" marT="19050" marB="19050" anchor="ctr"/>
                </a:tc>
                <a:extLst>
                  <a:ext uri="{0D108BD9-81ED-4DB2-BD59-A6C34878D82A}">
                    <a16:rowId xmlns:a16="http://schemas.microsoft.com/office/drawing/2014/main" val="3329190805"/>
                  </a:ext>
                </a:extLst>
              </a:tr>
            </a:tbl>
          </a:graphicData>
        </a:graphic>
      </p:graphicFrame>
    </p:spTree>
    <p:extLst>
      <p:ext uri="{BB962C8B-B14F-4D97-AF65-F5344CB8AC3E}">
        <p14:creationId xmlns:p14="http://schemas.microsoft.com/office/powerpoint/2010/main" val="2674199644"/>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1021883"/>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 provided valuable insights into the data science job market and demanded skills, obtained through the analysis of LinkedIn job postings using R Studio and Orange coding data mining software. Three key insights were derived, each shaping the recruitment agency's hiring strategy.</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1021883"/>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 these insights and strategies, the recruitment agency is well-positioned to effectively navigate the dynamic landscape of the data science job market and attract top talent to meet their clients' needs through the optimisation of the of the job search, effective communication through advertisement and advanced working conditions. </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1168752368"/>
      </p:ext>
    </p:extLst>
  </p:cSld>
  <p:clrMapOvr>
    <a:masterClrMapping/>
  </p:clrMapOvr>
  <p:transition spd="slow" advTm="47992">
    <p:push/>
  </p:transition>
</p:sld>
</file>

<file path=ppt/slides/slide12.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425353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The presentation aims to provide a recruitment agency with valuable insights into the data science job market and demanded skills. Analysis of LinkedIn job postings using R Studio and Orange coding data mining software yielded three key insights shaping the agency's hiring strategy. The first insight examines the correlation between advertised and searched job titles. Insight two explores hybrid and remote workstyles. The final insight investigates the connection between advertised job locations and search origins, city-based or country-wide. Based on these insights, a comprehensive recruitment strategy was developed.</a:t>
            </a:r>
          </a:p>
          <a:p>
            <a:pPr algn="just">
              <a:lnSpc>
                <a:spcPct val="150000"/>
              </a:lnSpc>
            </a:pPr>
            <a:r>
              <a:rPr lang="en-ZA" sz="1400" dirty="0">
                <a:latin typeface="Arial" panose="020B0604020202020204" pitchFamily="34" charset="0"/>
                <a:cs typeface="Arial" panose="020B0604020202020204" pitchFamily="34" charset="0"/>
              </a:rPr>
              <a:t>Data science utilizes scientific methods, algorithms, insights, and knowledge derived from data. While data science is a burgeoning field, it has become essential for drawing fundamental insights and knowledge from big data. </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4" name="Group 3">
            <a:extLst>
              <a:ext uri="{FF2B5EF4-FFF2-40B4-BE49-F238E27FC236}">
                <a16:creationId xmlns:a16="http://schemas.microsoft.com/office/drawing/2014/main" id="{973BE6EE-06DD-7B28-3372-44776AEC1A6C}"/>
              </a:ext>
            </a:extLst>
          </p:cNvPr>
          <p:cNvGrpSpPr/>
          <p:nvPr/>
        </p:nvGrpSpPr>
        <p:grpSpPr>
          <a:xfrm>
            <a:off x="619761" y="2190308"/>
            <a:ext cx="4649814" cy="3848985"/>
            <a:chOff x="619761" y="2190308"/>
            <a:chExt cx="4649814" cy="3848985"/>
          </a:xfrm>
        </p:grpSpPr>
        <p:sp>
          <p:nvSpPr>
            <p:cNvPr id="7" name="Rectangle 6">
              <a:extLst>
                <a:ext uri="{FF2B5EF4-FFF2-40B4-BE49-F238E27FC236}">
                  <a16:creationId xmlns:a16="http://schemas.microsoft.com/office/drawing/2014/main" id="{403095A6-0F85-0547-0065-67391C3484C5}"/>
                </a:ext>
              </a:extLst>
            </p:cNvPr>
            <p:cNvSpPr/>
            <p:nvPr/>
          </p:nvSpPr>
          <p:spPr>
            <a:xfrm>
              <a:off x="619761" y="2190308"/>
              <a:ext cx="4649814" cy="3848985"/>
            </a:xfrm>
            <a:prstGeom prst="rect">
              <a:avLst/>
            </a:prstGeom>
            <a:solidFill>
              <a:srgbClr val="002060"/>
            </a:solidFill>
            <a:ln>
              <a:solidFill>
                <a:srgbClr val="002060"/>
              </a:solidFill>
            </a:ln>
            <a:effectLst>
              <a:glow rad="101600">
                <a:srgbClr val="002060">
                  <a:alpha val="60000"/>
                </a:srgbClr>
              </a:glo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pic>
          <p:nvPicPr>
            <p:cNvPr id="8" name="Picture 7">
              <a:extLst>
                <a:ext uri="{FF2B5EF4-FFF2-40B4-BE49-F238E27FC236}">
                  <a16:creationId xmlns:a16="http://schemas.microsoft.com/office/drawing/2014/main" id="{509000D5-7F48-FF35-3B91-AA3F51B0878F}"/>
                </a:ext>
              </a:extLst>
            </p:cNvPr>
            <p:cNvPicPr>
              <a:picLocks noChangeAspect="1"/>
            </p:cNvPicPr>
            <p:nvPr/>
          </p:nvPicPr>
          <p:blipFill>
            <a:blip r:embed="rId3"/>
            <a:stretch>
              <a:fillRect/>
            </a:stretch>
          </p:blipFill>
          <p:spPr>
            <a:xfrm>
              <a:off x="793427" y="2371060"/>
              <a:ext cx="4320833" cy="3508745"/>
            </a:xfrm>
            <a:prstGeom prst="rect">
              <a:avLst/>
            </a:prstGeom>
          </p:spPr>
        </p:pic>
      </p:grpSp>
      <p:sp>
        <p:nvSpPr>
          <p:cNvPr id="9" name="TextBox 8">
            <a:extLst>
              <a:ext uri="{FF2B5EF4-FFF2-40B4-BE49-F238E27FC236}">
                <a16:creationId xmlns:a16="http://schemas.microsoft.com/office/drawing/2014/main" id="{03AC2508-2B9A-3F4C-B5C5-367993875935}"/>
              </a:ext>
            </a:extLst>
          </p:cNvPr>
          <p:cNvSpPr txBox="1"/>
          <p:nvPr/>
        </p:nvSpPr>
        <p:spPr>
          <a:xfrm>
            <a:off x="596487" y="1712492"/>
            <a:ext cx="2934586"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Big Data complexities</a:t>
            </a:r>
          </a:p>
        </p:txBody>
      </p: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grpSp>
        <p:nvGrpSpPr>
          <p:cNvPr id="11" name="Group 10">
            <a:extLst>
              <a:ext uri="{FF2B5EF4-FFF2-40B4-BE49-F238E27FC236}">
                <a16:creationId xmlns:a16="http://schemas.microsoft.com/office/drawing/2014/main" id="{FF08663B-7CE1-9226-1123-0D90036D2146}"/>
              </a:ext>
            </a:extLst>
          </p:cNvPr>
          <p:cNvGrpSpPr/>
          <p:nvPr/>
        </p:nvGrpSpPr>
        <p:grpSpPr>
          <a:xfrm>
            <a:off x="6624084" y="2115880"/>
            <a:ext cx="4774489" cy="3763925"/>
            <a:chOff x="2803011" y="1432619"/>
            <a:chExt cx="5753093" cy="4735033"/>
          </a:xfrm>
        </p:grpSpPr>
        <p:sp>
          <p:nvSpPr>
            <p:cNvPr id="12" name="Flowchart: Connector 11">
              <a:extLst>
                <a:ext uri="{FF2B5EF4-FFF2-40B4-BE49-F238E27FC236}">
                  <a16:creationId xmlns:a16="http://schemas.microsoft.com/office/drawing/2014/main" id="{7EB36556-46A8-BBD0-CE4D-100B3BE50108}"/>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 name="TextBox 14">
              <a:extLst>
                <a:ext uri="{FF2B5EF4-FFF2-40B4-BE49-F238E27FC236}">
                  <a16:creationId xmlns:a16="http://schemas.microsoft.com/office/drawing/2014/main" id="{1043F5C2-A6D0-5E12-E8CE-B6EF5FCF8468}"/>
                </a:ext>
              </a:extLst>
            </p:cNvPr>
            <p:cNvSpPr txBox="1"/>
            <p:nvPr/>
          </p:nvSpPr>
          <p:spPr>
            <a:xfrm>
              <a:off x="4754524" y="3429000"/>
              <a:ext cx="1917668" cy="387185"/>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Ethics: Big Data</a:t>
              </a:r>
            </a:p>
          </p:txBody>
        </p:sp>
        <p:sp>
          <p:nvSpPr>
            <p:cNvPr id="16" name="Flowchart: Terminator 15">
              <a:extLst>
                <a:ext uri="{FF2B5EF4-FFF2-40B4-BE49-F238E27FC236}">
                  <a16:creationId xmlns:a16="http://schemas.microsoft.com/office/drawing/2014/main" id="{5BCA2320-8EA7-85D1-0B69-758E0DF97713}"/>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Privacy</a:t>
              </a:r>
            </a:p>
          </p:txBody>
        </p:sp>
        <p:sp>
          <p:nvSpPr>
            <p:cNvPr id="17" name="Flowchart: Terminator 16">
              <a:extLst>
                <a:ext uri="{FF2B5EF4-FFF2-40B4-BE49-F238E27FC236}">
                  <a16:creationId xmlns:a16="http://schemas.microsoft.com/office/drawing/2014/main" id="{E9FCE7BA-8161-E5CA-250A-3748C965E8E9}"/>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Accountability</a:t>
              </a:r>
            </a:p>
          </p:txBody>
        </p:sp>
        <p:sp>
          <p:nvSpPr>
            <p:cNvPr id="18" name="Flowchart: Terminator 17">
              <a:extLst>
                <a:ext uri="{FF2B5EF4-FFF2-40B4-BE49-F238E27FC236}">
                  <a16:creationId xmlns:a16="http://schemas.microsoft.com/office/drawing/2014/main" id="{FFB0668E-AA5E-8AFA-FF48-53F0B7135DBA}"/>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Transparency</a:t>
              </a:r>
            </a:p>
          </p:txBody>
        </p:sp>
        <p:sp>
          <p:nvSpPr>
            <p:cNvPr id="19" name="Flowchart: Terminator 18">
              <a:extLst>
                <a:ext uri="{FF2B5EF4-FFF2-40B4-BE49-F238E27FC236}">
                  <a16:creationId xmlns:a16="http://schemas.microsoft.com/office/drawing/2014/main" id="{FC8148F2-35FB-3CB6-5A64-B9FD75FDAF2D}"/>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Fairness </a:t>
              </a:r>
            </a:p>
          </p:txBody>
        </p:sp>
      </p:grp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43516" y="5325838"/>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591893"/>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table is already in an Analytics Base Table (ABT) format and will not need to be reshaped</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1353640"/>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JobLink': UR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last_processed_time': Timestamp</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last_status', 'got_summary', 'got_ner', 'is_being_worked': Boolean</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job_title', 'company', 'job_location', 'search_city', 'search_country', 'search_position', 'job_level', 'job_type': Categorical</a:t>
            </a:r>
          </a:p>
        </p:txBody>
      </p:sp>
      <p:pic>
        <p:nvPicPr>
          <p:cNvPr id="22" name="Graphic 21" descr="Lightbulb and gear outline">
            <a:extLst>
              <a:ext uri="{FF2B5EF4-FFF2-40B4-BE49-F238E27FC236}">
                <a16:creationId xmlns:a16="http://schemas.microsoft.com/office/drawing/2014/main" id="{5AA4FA59-58A8-4639-DCA3-6CCF286D2DFE}"/>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08074" y="4052010"/>
            <a:ext cx="914400" cy="935665"/>
          </a:xfrm>
          <a:prstGeom prst="rect">
            <a:avLst/>
          </a:prstGeom>
        </p:spPr>
      </p:pic>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08074" y="5386978"/>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804440" y="5454184"/>
            <a:ext cx="9287232" cy="845809"/>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rop unnecessary columns or rows with missing values if they do not provide relevant information for analysis.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dentifying and handling missing values.   </a:t>
            </a:r>
          </a:p>
        </p:txBody>
      </p:sp>
      <p:sp>
        <p:nvSpPr>
          <p:cNvPr id="34" name="TextBox 33">
            <a:extLst>
              <a:ext uri="{FF2B5EF4-FFF2-40B4-BE49-F238E27FC236}">
                <a16:creationId xmlns:a16="http://schemas.microsoft.com/office/drawing/2014/main" id="{5C84D122-4B11-8062-39D9-73E17F856ED7}"/>
              </a:ext>
            </a:extLst>
          </p:cNvPr>
          <p:cNvSpPr txBox="1"/>
          <p:nvPr/>
        </p:nvSpPr>
        <p:spPr>
          <a:xfrm>
            <a:off x="1722474" y="3826838"/>
            <a:ext cx="9713574" cy="1261307"/>
          </a:xfrm>
          <a:prstGeom prst="rect">
            <a:avLst/>
          </a:prstGeom>
          <a:noFill/>
        </p:spPr>
        <p:txBody>
          <a:bodyPr wrap="square" rtlCol="0">
            <a:spAutoFit/>
          </a:bodyPr>
          <a:lstStyle/>
          <a:p>
            <a:r>
              <a:rPr lang="en-ZA" sz="1200" b="1" u="sng" dirty="0"/>
              <a:t>Potential Insight- Informed by our questions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Analysis of job titles and companies can provide insights into which organizations are hiring and the types of roles available in the data science job market.</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xploring job locations and search cities can help identify geographic trends in demand for data science professional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nvestigating job levels and types can reveal the distribution of roles across different seniority levels and employment types (e.g., full-time, contract).</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2477601"/>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high this is attributed to : </a:t>
            </a:r>
          </a:p>
          <a:p>
            <a:pPr marL="171450" indent="-171450">
              <a:lnSpc>
                <a:spcPct val="150000"/>
              </a:lnSpc>
              <a:buFont typeface="Wingdings" panose="05000000000000000000" pitchFamily="2" charset="2"/>
              <a:buChar char="q"/>
            </a:pPr>
            <a:r>
              <a:rPr lang="en-ZA" sz="1100" b="1" dirty="0">
                <a:latin typeface="Arial" panose="020B0604020202020204" pitchFamily="34" charset="0"/>
                <a:cs typeface="Arial" panose="020B0604020202020204" pitchFamily="34" charset="0"/>
              </a:rPr>
              <a:t>Completeness of information, </a:t>
            </a:r>
            <a:r>
              <a:rPr lang="en-ZA" sz="1100" dirty="0">
                <a:latin typeface="Arial" panose="020B0604020202020204" pitchFamily="34" charset="0"/>
                <a:cs typeface="Arial" panose="020B0604020202020204" pitchFamily="34" charset="0"/>
              </a:rPr>
              <a:t>there are no missing values within the dataset. </a:t>
            </a:r>
          </a:p>
          <a:p>
            <a:pPr marL="171450" indent="-171450">
              <a:lnSpc>
                <a:spcPct val="150000"/>
              </a:lnSpc>
              <a:buFont typeface="Wingdings" panose="05000000000000000000" pitchFamily="2" charset="2"/>
              <a:buChar char="q"/>
            </a:pPr>
            <a:r>
              <a:rPr lang="en-ZA" sz="1100" b="1" dirty="0">
                <a:latin typeface="Arial" panose="020B0604020202020204" pitchFamily="34" charset="0"/>
                <a:cs typeface="Arial" panose="020B0604020202020204" pitchFamily="34" charset="0"/>
              </a:rPr>
              <a:t>Relevance and consistency of categorical data</a:t>
            </a:r>
            <a:r>
              <a:rPr lang="en-ZA" sz="1100" dirty="0">
                <a:latin typeface="Arial" panose="020B0604020202020204" pitchFamily="34" charset="0"/>
                <a:cs typeface="Arial" panose="020B0604020202020204" pitchFamily="34" charset="0"/>
              </a:rPr>
              <a:t>, the values in these categorical columns are consistent and follow similar format </a:t>
            </a:r>
          </a:p>
          <a:p>
            <a:pPr marL="171450" indent="-171450">
              <a:lnSpc>
                <a:spcPct val="150000"/>
              </a:lnSpc>
              <a:buFont typeface="Wingdings" panose="05000000000000000000" pitchFamily="2" charset="2"/>
              <a:buChar char="q"/>
            </a:pPr>
            <a:r>
              <a:rPr lang="en-ZA" sz="1100" dirty="0">
                <a:latin typeface="Arial" panose="020B0604020202020204" pitchFamily="34" charset="0"/>
                <a:cs typeface="Arial" panose="020B0604020202020204" pitchFamily="34" charset="0"/>
              </a:rPr>
              <a:t>Cardinality </a:t>
            </a:r>
          </a:p>
          <a:p>
            <a:pPr marL="171450" indent="-171450">
              <a:buFont typeface="Wingdings" panose="05000000000000000000" pitchFamily="2" charset="2"/>
              <a:buChar char="q"/>
            </a:pPr>
            <a:endParaRPr lang="en-ZA" sz="1100" dirty="0">
              <a:latin typeface="Arial" panose="020B0604020202020204" pitchFamily="34" charset="0"/>
              <a:cs typeface="Arial" panose="020B0604020202020204" pitchFamily="34" charset="0"/>
            </a:endParaRPr>
          </a:p>
        </p:txBody>
      </p:sp>
      <p:pic>
        <p:nvPicPr>
          <p:cNvPr id="27" name="Picture 26">
            <a:extLst>
              <a:ext uri="{FF2B5EF4-FFF2-40B4-BE49-F238E27FC236}">
                <a16:creationId xmlns:a16="http://schemas.microsoft.com/office/drawing/2014/main" id="{D7B1D42B-1D91-8917-2EEB-5CBD0733A3F9}"/>
              </a:ext>
            </a:extLst>
          </p:cNvPr>
          <p:cNvPicPr>
            <a:picLocks noChangeAspect="1"/>
          </p:cNvPicPr>
          <p:nvPr/>
        </p:nvPicPr>
        <p:blipFill rotWithShape="1">
          <a:blip r:embed="rId7">
            <a:clrChange>
              <a:clrFrom>
                <a:srgbClr val="FFFFFF"/>
              </a:clrFrom>
              <a:clrTo>
                <a:srgbClr val="FFFFFF">
                  <a:alpha val="0"/>
                </a:srgbClr>
              </a:clrTo>
            </a:clrChange>
            <a:duotone>
              <a:schemeClr val="accent1">
                <a:shade val="45000"/>
                <a:satMod val="135000"/>
              </a:schemeClr>
              <a:prstClr val="white"/>
            </a:duotone>
          </a:blip>
          <a:srcRect r="2366"/>
          <a:stretch/>
        </p:blipFill>
        <p:spPr>
          <a:xfrm>
            <a:off x="378196" y="2201215"/>
            <a:ext cx="2586068" cy="2020187"/>
          </a:xfrm>
          <a:prstGeom prst="rect">
            <a:avLst/>
          </a:prstGeom>
        </p:spPr>
      </p:pic>
      <p:pic>
        <p:nvPicPr>
          <p:cNvPr id="29" name="Picture 28">
            <a:extLst>
              <a:ext uri="{FF2B5EF4-FFF2-40B4-BE49-F238E27FC236}">
                <a16:creationId xmlns:a16="http://schemas.microsoft.com/office/drawing/2014/main" id="{D71E940E-57E7-66B9-A242-1B3B2F57D8C0}"/>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3160183" y="2201215"/>
            <a:ext cx="2648738" cy="2020187"/>
          </a:xfrm>
          <a:prstGeom prst="rect">
            <a:avLst/>
          </a:prstGeom>
        </p:spPr>
      </p:pic>
      <p:pic>
        <p:nvPicPr>
          <p:cNvPr id="31" name="Picture 30">
            <a:extLst>
              <a:ext uri="{FF2B5EF4-FFF2-40B4-BE49-F238E27FC236}">
                <a16:creationId xmlns:a16="http://schemas.microsoft.com/office/drawing/2014/main" id="{B8690C54-8BC9-9A9F-A789-1E69EA2BBE83}"/>
              </a:ext>
            </a:extLst>
          </p:cNvPr>
          <p:cNvPicPr>
            <a:picLocks noChangeAspect="1"/>
          </p:cNvPicPr>
          <p:nvPr/>
        </p:nvPicPr>
        <p:blipFill rotWithShape="1">
          <a:blip r:embed="rId9">
            <a:clrChange>
              <a:clrFrom>
                <a:srgbClr val="FFFFFF"/>
              </a:clrFrom>
              <a:clrTo>
                <a:srgbClr val="FFFFFF">
                  <a:alpha val="0"/>
                </a:srgbClr>
              </a:clrTo>
            </a:clrChange>
            <a:duotone>
              <a:schemeClr val="accent1">
                <a:shade val="45000"/>
                <a:satMod val="135000"/>
              </a:schemeClr>
              <a:prstClr val="white"/>
            </a:duotone>
          </a:blip>
          <a:srcRect r="1608" b="658"/>
          <a:stretch/>
        </p:blipFill>
        <p:spPr>
          <a:xfrm>
            <a:off x="378196" y="4393903"/>
            <a:ext cx="2606164" cy="2006898"/>
          </a:xfrm>
          <a:prstGeom prst="rect">
            <a:avLst/>
          </a:prstGeom>
        </p:spPr>
      </p:pic>
      <p:pic>
        <p:nvPicPr>
          <p:cNvPr id="3" name="Picture 2">
            <a:extLst>
              <a:ext uri="{FF2B5EF4-FFF2-40B4-BE49-F238E27FC236}">
                <a16:creationId xmlns:a16="http://schemas.microsoft.com/office/drawing/2014/main" id="{B7C210CE-43CC-1FCB-3F09-14819DC2E929}"/>
              </a:ext>
            </a:extLst>
          </p:cNvPr>
          <p:cNvPicPr>
            <a:picLocks noChangeAspect="1"/>
          </p:cNvPicPr>
          <p:nvPr/>
        </p:nvPicPr>
        <p:blipFill>
          <a:blip r:embed="rId10">
            <a:clrChange>
              <a:clrFrom>
                <a:srgbClr val="FFFFFF"/>
              </a:clrFrom>
              <a:clrTo>
                <a:srgbClr val="FFFFFF">
                  <a:alpha val="0"/>
                </a:srgbClr>
              </a:clrTo>
            </a:clrChange>
            <a:duotone>
              <a:prstClr val="black"/>
              <a:schemeClr val="accent1">
                <a:tint val="45000"/>
                <a:satMod val="400000"/>
              </a:schemeClr>
            </a:duotone>
          </a:blip>
          <a:stretch>
            <a:fillRect/>
          </a:stretch>
        </p:blipFill>
        <p:spPr>
          <a:xfrm>
            <a:off x="3116553" y="4393903"/>
            <a:ext cx="2648740" cy="2020187"/>
          </a:xfrm>
          <a:prstGeom prst="rect">
            <a:avLst/>
          </a:prstGeom>
        </p:spPr>
      </p:pic>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67579"/>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Data Analysis: Insight 1 </a:t>
            </a:r>
          </a:p>
        </p:txBody>
      </p:sp>
      <p:sp>
        <p:nvSpPr>
          <p:cNvPr id="3" name="Rectangle 2">
            <a:extLst>
              <a:ext uri="{FF2B5EF4-FFF2-40B4-BE49-F238E27FC236}">
                <a16:creationId xmlns:a16="http://schemas.microsoft.com/office/drawing/2014/main" id="{CF9D3274-B428-8A54-166B-2C7AEBB4BCD2}"/>
              </a:ext>
            </a:extLst>
          </p:cNvPr>
          <p:cNvSpPr/>
          <p:nvPr/>
        </p:nvSpPr>
        <p:spPr>
          <a:xfrm>
            <a:off x="1103659" y="1150874"/>
            <a:ext cx="3976337" cy="2277840"/>
          </a:xfrm>
          <a:prstGeom prst="rect">
            <a:avLst/>
          </a:prstGeom>
          <a:noFill/>
          <a:ln>
            <a:solidFill>
              <a:srgbClr val="002060"/>
            </a:solidFill>
          </a:ln>
          <a:effectLst>
            <a:glow rad="101600">
              <a:srgbClr val="002060">
                <a:alpha val="60000"/>
              </a:srgbClr>
            </a:glo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 name="TextBox 1">
            <a:extLst>
              <a:ext uri="{FF2B5EF4-FFF2-40B4-BE49-F238E27FC236}">
                <a16:creationId xmlns:a16="http://schemas.microsoft.com/office/drawing/2014/main" id="{CB011768-5583-CA4A-8797-CD5F2ECBE58F}"/>
              </a:ext>
            </a:extLst>
          </p:cNvPr>
          <p:cNvSpPr txBox="1"/>
          <p:nvPr/>
        </p:nvSpPr>
        <p:spPr>
          <a:xfrm>
            <a:off x="6746240" y="2194128"/>
            <a:ext cx="4403061" cy="1997150"/>
          </a:xfrm>
          <a:prstGeom prst="rect">
            <a:avLst/>
          </a:prstGeom>
          <a:noFill/>
        </p:spPr>
        <p:txBody>
          <a:bodyPr wrap="square" rtlCol="0">
            <a:spAutoFit/>
          </a:bodyPr>
          <a:lstStyle/>
          <a:p>
            <a:pPr>
              <a:lnSpc>
                <a:spcPct val="150000"/>
              </a:lnSpc>
            </a:pPr>
            <a:r>
              <a:rPr lang="en-ZA" sz="1200" b="1" dirty="0">
                <a:latin typeface="Arial" panose="020B0604020202020204" pitchFamily="34" charset="0"/>
                <a:cs typeface="Arial" panose="020B0604020202020204" pitchFamily="34" charset="0"/>
              </a:rPr>
              <a:t>Insight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The initial insight highlights the correlation between advertised job titles and searched titles.</a:t>
            </a:r>
          </a:p>
          <a:p>
            <a:pPr>
              <a:lnSpc>
                <a:spcPct val="150000"/>
              </a:lnSpc>
            </a:pPr>
            <a:r>
              <a:rPr lang="en-ZA" sz="1200" dirty="0">
                <a:latin typeface="Arial" panose="020B0604020202020204" pitchFamily="34" charset="0"/>
                <a:cs typeface="Arial" panose="020B0604020202020204" pitchFamily="34" charset="0"/>
              </a:rPr>
              <a:t> </a:t>
            </a:r>
            <a:r>
              <a:rPr lang="en-ZA" sz="1200" b="1" dirty="0">
                <a:latin typeface="Arial" panose="020B0604020202020204" pitchFamily="34" charset="0"/>
                <a:cs typeface="Arial" panose="020B0604020202020204" pitchFamily="34" charset="0"/>
              </a:rPr>
              <a:t>Recruitment strategy</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Optimizing Search Terms and Keywords for Enhanced Advertisement Awareness.</a:t>
            </a:r>
          </a:p>
          <a:p>
            <a:pPr>
              <a:lnSpc>
                <a:spcPct val="150000"/>
              </a:lnSpc>
            </a:pPr>
            <a:endParaRPr lang="en-ZA" sz="1200" b="1" dirty="0">
              <a:latin typeface="Arial" panose="020B0604020202020204" pitchFamily="34" charset="0"/>
              <a:cs typeface="Arial" panose="020B0604020202020204" pitchFamily="34" charset="0"/>
            </a:endParaRPr>
          </a:p>
        </p:txBody>
      </p:sp>
      <p:pic>
        <p:nvPicPr>
          <p:cNvPr id="7" name="Picture 6">
            <a:extLst>
              <a:ext uri="{FF2B5EF4-FFF2-40B4-BE49-F238E27FC236}">
                <a16:creationId xmlns:a16="http://schemas.microsoft.com/office/drawing/2014/main" id="{BCC9D9EF-12EC-0D5B-AD79-236285DB9B67}"/>
              </a:ext>
            </a:extLst>
          </p:cNvPr>
          <p:cNvPicPr>
            <a:picLocks noChangeAspect="1"/>
          </p:cNvPicPr>
          <p:nvPr/>
        </p:nvPicPr>
        <p:blipFill>
          <a:blip r:embed="rId3"/>
          <a:stretch>
            <a:fillRect/>
          </a:stretch>
        </p:blipFill>
        <p:spPr>
          <a:xfrm>
            <a:off x="1323666" y="1247339"/>
            <a:ext cx="3272159" cy="2116233"/>
          </a:xfrm>
          <a:prstGeom prst="rect">
            <a:avLst/>
          </a:prstGeom>
        </p:spPr>
      </p:pic>
      <p:sp>
        <p:nvSpPr>
          <p:cNvPr id="8" name="Rectangle 7">
            <a:extLst>
              <a:ext uri="{FF2B5EF4-FFF2-40B4-BE49-F238E27FC236}">
                <a16:creationId xmlns:a16="http://schemas.microsoft.com/office/drawing/2014/main" id="{B927E124-D4E0-228C-EBB8-385358AEFF11}"/>
              </a:ext>
            </a:extLst>
          </p:cNvPr>
          <p:cNvSpPr/>
          <p:nvPr/>
        </p:nvSpPr>
        <p:spPr>
          <a:xfrm>
            <a:off x="1103658" y="4082320"/>
            <a:ext cx="3976337" cy="2277840"/>
          </a:xfrm>
          <a:prstGeom prst="rect">
            <a:avLst/>
          </a:prstGeom>
          <a:noFill/>
          <a:ln>
            <a:solidFill>
              <a:srgbClr val="002060"/>
            </a:solidFill>
          </a:ln>
          <a:effectLst>
            <a:glow rad="101600">
              <a:srgbClr val="002060">
                <a:alpha val="60000"/>
              </a:srgbClr>
            </a:glo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cxnSp>
        <p:nvCxnSpPr>
          <p:cNvPr id="10" name="Straight Arrow Connector 9">
            <a:extLst>
              <a:ext uri="{FF2B5EF4-FFF2-40B4-BE49-F238E27FC236}">
                <a16:creationId xmlns:a16="http://schemas.microsoft.com/office/drawing/2014/main" id="{CFE6042E-DAB5-CFBB-7001-BE41B3A5D791}"/>
              </a:ext>
            </a:extLst>
          </p:cNvPr>
          <p:cNvCxnSpPr>
            <a:cxnSpLocks/>
          </p:cNvCxnSpPr>
          <p:nvPr/>
        </p:nvCxnSpPr>
        <p:spPr>
          <a:xfrm>
            <a:off x="2959746" y="3637280"/>
            <a:ext cx="0" cy="375000"/>
          </a:xfrm>
          <a:prstGeom prst="straightConnector1">
            <a:avLst/>
          </a:prstGeom>
          <a:ln w="12700">
            <a:solidFill>
              <a:srgbClr val="00206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1CBCC23-1ACF-EC91-564E-830E92E04DE9}"/>
              </a:ext>
            </a:extLst>
          </p:cNvPr>
          <p:cNvCxnSpPr>
            <a:cxnSpLocks/>
          </p:cNvCxnSpPr>
          <p:nvPr/>
        </p:nvCxnSpPr>
        <p:spPr>
          <a:xfrm flipV="1">
            <a:off x="6112540" y="1334833"/>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7" name="Picture 16">
            <a:extLst>
              <a:ext uri="{FF2B5EF4-FFF2-40B4-BE49-F238E27FC236}">
                <a16:creationId xmlns:a16="http://schemas.microsoft.com/office/drawing/2014/main" id="{13800FD0-AAC0-48AF-493B-BADBEB694C5C}"/>
              </a:ext>
            </a:extLst>
          </p:cNvPr>
          <p:cNvPicPr>
            <a:picLocks noChangeAspect="1"/>
          </p:cNvPicPr>
          <p:nvPr/>
        </p:nvPicPr>
        <p:blipFill>
          <a:blip r:embed="rId4"/>
          <a:stretch>
            <a:fillRect/>
          </a:stretch>
        </p:blipFill>
        <p:spPr>
          <a:xfrm>
            <a:off x="1323666" y="4280232"/>
            <a:ext cx="3280639" cy="1905389"/>
          </a:xfrm>
          <a:prstGeom prst="rect">
            <a:avLst/>
          </a:prstGeom>
        </p:spPr>
      </p:pic>
      <p:sp>
        <p:nvSpPr>
          <p:cNvPr id="18" name="TextBox 17">
            <a:extLst>
              <a:ext uri="{FF2B5EF4-FFF2-40B4-BE49-F238E27FC236}">
                <a16:creationId xmlns:a16="http://schemas.microsoft.com/office/drawing/2014/main" id="{495DF280-64EA-6CAA-BFB7-94ECB6BE2C60}"/>
              </a:ext>
            </a:extLst>
          </p:cNvPr>
          <p:cNvSpPr txBox="1"/>
          <p:nvPr/>
        </p:nvSpPr>
        <p:spPr>
          <a:xfrm>
            <a:off x="1042699" y="3425222"/>
            <a:ext cx="3158777" cy="215444"/>
          </a:xfrm>
          <a:prstGeom prst="rect">
            <a:avLst/>
          </a:prstGeom>
          <a:noFill/>
        </p:spPr>
        <p:txBody>
          <a:bodyPr wrap="square">
            <a:spAutoFit/>
          </a:bodyPr>
          <a:lstStyle/>
          <a:p>
            <a:pPr rtl="0">
              <a:spcBef>
                <a:spcPts val="0"/>
              </a:spcBef>
              <a:spcAft>
                <a:spcPts val="0"/>
              </a:spcAft>
            </a:pPr>
            <a:r>
              <a:rPr lang="en-ZA" sz="800" i="0" u="none" strike="noStrike" dirty="0">
                <a:effectLst/>
                <a:latin typeface="Arial" panose="020B0604020202020204" pitchFamily="34" charset="0"/>
              </a:rPr>
              <a:t>Word Cloud of the job titles = Advertised jobs</a:t>
            </a:r>
            <a:endParaRPr lang="en-ZA" sz="800" dirty="0">
              <a:effectLst/>
            </a:endParaRPr>
          </a:p>
        </p:txBody>
      </p:sp>
      <p:sp>
        <p:nvSpPr>
          <p:cNvPr id="22" name="TextBox 21">
            <a:extLst>
              <a:ext uri="{FF2B5EF4-FFF2-40B4-BE49-F238E27FC236}">
                <a16:creationId xmlns:a16="http://schemas.microsoft.com/office/drawing/2014/main" id="{0548C136-544D-3766-D8BF-2954BAC452FB}"/>
              </a:ext>
            </a:extLst>
          </p:cNvPr>
          <p:cNvSpPr txBox="1"/>
          <p:nvPr/>
        </p:nvSpPr>
        <p:spPr>
          <a:xfrm>
            <a:off x="1103659" y="6390604"/>
            <a:ext cx="3500646" cy="215444"/>
          </a:xfrm>
          <a:prstGeom prst="rect">
            <a:avLst/>
          </a:prstGeom>
          <a:noFill/>
        </p:spPr>
        <p:txBody>
          <a:bodyPr wrap="square">
            <a:spAutoFit/>
          </a:bodyPr>
          <a:lstStyle/>
          <a:p>
            <a:pPr rtl="0">
              <a:spcBef>
                <a:spcPts val="0"/>
              </a:spcBef>
              <a:spcAft>
                <a:spcPts val="0"/>
              </a:spcAft>
            </a:pPr>
            <a:r>
              <a:rPr lang="en-ZA" sz="800" i="0" u="none" strike="noStrike" dirty="0">
                <a:effectLst/>
                <a:latin typeface="Arial" panose="020B0604020202020204" pitchFamily="34" charset="0"/>
              </a:rPr>
              <a:t>Word Cloud of the search position: jobs searched</a:t>
            </a:r>
            <a:endParaRPr lang="en-ZA" sz="800" dirty="0">
              <a:effectLst/>
            </a:endParaRPr>
          </a:p>
        </p:txBody>
      </p:sp>
    </p:spTree>
    <p:extLst>
      <p:ext uri="{BB962C8B-B14F-4D97-AF65-F5344CB8AC3E}">
        <p14:creationId xmlns:p14="http://schemas.microsoft.com/office/powerpoint/2010/main" val="735616630"/>
      </p:ext>
    </p:extLst>
  </p:cSld>
  <p:clrMapOvr>
    <a:masterClrMapping/>
  </p:clrMapOvr>
  <p:transition spd="slow" advTm="95518">
    <p:push/>
  </p:transition>
  <p:extLst>
    <p:ext uri="{3A86A75C-4F4B-4683-9AE1-C65F6400EC91}">
      <p14:laserTraceLst xmlns:p14="http://schemas.microsoft.com/office/powerpoint/2010/main">
        <p14:tracePtLst>
          <p14:tracePt t="21102" x="4071938" y="6604000"/>
          <p14:tracePt t="21107" x="3995738" y="6408738"/>
          <p14:tracePt t="21121" x="3878263" y="6078538"/>
          <p14:tracePt t="21139" x="3802063" y="5791200"/>
          <p14:tracePt t="21155" x="3767138" y="5554663"/>
          <p14:tracePt t="21172" x="3741738" y="5359400"/>
          <p14:tracePt t="21188" x="3690938" y="5029200"/>
          <p14:tracePt t="21204" x="3606800" y="4579938"/>
          <p14:tracePt t="21222" x="3471863" y="4191000"/>
          <p14:tracePt t="21238" x="3243263" y="3708400"/>
          <p14:tracePt t="21255" x="3106738" y="3436938"/>
          <p14:tracePt t="21271" x="3030538" y="3284538"/>
          <p14:tracePt t="21289" x="3005138" y="3208338"/>
          <p14:tracePt t="21305" x="2971800" y="3182938"/>
          <p14:tracePt t="21321" x="2954338" y="3149600"/>
          <p14:tracePt t="21338" x="2954338" y="3132138"/>
          <p14:tracePt t="21506" x="2954338" y="3124200"/>
          <p14:tracePt t="21516" x="2971800" y="3073400"/>
          <p14:tracePt t="21523" x="2971800" y="2997200"/>
          <p14:tracePt t="21538" x="2971800" y="2928938"/>
          <p14:tracePt t="21555" x="2946400" y="2836863"/>
          <p14:tracePt t="21571" x="2776538" y="2489200"/>
          <p14:tracePt t="21588" x="2641600" y="2278063"/>
          <p14:tracePt t="21605" x="2522538" y="2100263"/>
          <p14:tracePt t="21622" x="2489200" y="2074863"/>
          <p14:tracePt t="21860" x="2489200" y="2082800"/>
          <p14:tracePt t="21882" x="2506663" y="2082800"/>
          <p14:tracePt t="22190" x="2506663" y="2100263"/>
          <p14:tracePt t="22199" x="2489200" y="2116138"/>
          <p14:tracePt t="22205" x="2481263" y="2133600"/>
          <p14:tracePt t="22238" x="2481263" y="2141538"/>
          <p14:tracePt t="22255" x="2463800" y="2159000"/>
          <p14:tracePt t="22271" x="2446338" y="2192338"/>
          <p14:tracePt t="22288" x="2446338" y="2209800"/>
          <p14:tracePt t="22305" x="2430463" y="2235200"/>
          <p14:tracePt t="22322" x="2420938" y="2268538"/>
          <p14:tracePt t="22338" x="2420938" y="2278063"/>
          <p14:tracePt t="22355" x="2405063" y="2293938"/>
          <p14:tracePt t="22372" x="2387600" y="2328863"/>
          <p14:tracePt t="22389" x="2354263" y="2387600"/>
          <p14:tracePt t="22405" x="2344738" y="2430463"/>
          <p14:tracePt t="22422" x="2344738" y="2471738"/>
          <p14:tracePt t="22438" x="2344738" y="2565400"/>
          <p14:tracePt t="22455" x="2344738" y="2659063"/>
          <p14:tracePt t="22471" x="2354263" y="2735263"/>
          <p14:tracePt t="22489" x="2387600" y="2819400"/>
          <p14:tracePt t="22506" x="2430463" y="2913063"/>
          <p14:tracePt t="22522" x="2506663" y="3030538"/>
          <p14:tracePt t="22538" x="2547938" y="3106738"/>
          <p14:tracePt t="22555" x="2565400" y="3132138"/>
          <p14:tracePt t="22573" x="2616200" y="3182938"/>
          <p14:tracePt t="22589" x="2659063" y="3200400"/>
          <p14:tracePt t="22605" x="2717800" y="3259138"/>
          <p14:tracePt t="22622" x="2776538" y="3302000"/>
          <p14:tracePt t="22639" x="2852738" y="3344863"/>
          <p14:tracePt t="22655" x="2913063" y="3403600"/>
          <p14:tracePt t="22672" x="3005138" y="3436938"/>
          <p14:tracePt t="22688" x="3124200" y="3479800"/>
          <p14:tracePt t="22705" x="3259138" y="3556000"/>
          <p14:tracePt t="22722" x="3395663" y="3614738"/>
          <p14:tracePt t="22739" x="3513138" y="3675063"/>
          <p14:tracePt t="22755" x="3665538" y="3751263"/>
          <p14:tracePt t="22773" x="3708400" y="3751263"/>
          <p14:tracePt t="25557" x="3708400" y="3733800"/>
          <p14:tracePt t="25581" x="3708400" y="3725863"/>
          <p14:tracePt t="25601" x="3708400" y="3708400"/>
          <p14:tracePt t="25619" x="3725863" y="3708400"/>
          <p14:tracePt t="25633" x="3725863" y="3690938"/>
          <p14:tracePt t="25688" x="3725863" y="3675063"/>
          <p14:tracePt t="25723" x="3725863" y="3657600"/>
          <p14:tracePt t="26151" x="3725863" y="3649663"/>
          <p14:tracePt t="26159" x="3725863" y="3632200"/>
          <p14:tracePt t="26166" x="3708400" y="3614738"/>
          <p14:tracePt t="26179" x="3708400" y="3598863"/>
          <p14:tracePt t="26186" x="3690938" y="3573463"/>
          <p14:tracePt t="26204" x="3690938" y="3530600"/>
          <p14:tracePt t="26222" x="3665538" y="3479800"/>
          <p14:tracePt t="26238" x="3649663" y="3421063"/>
          <p14:tracePt t="26255" x="3614738" y="3327400"/>
          <p14:tracePt t="26271" x="3589338" y="3243263"/>
          <p14:tracePt t="26289" x="3573463" y="3200400"/>
          <p14:tracePt t="26305" x="3573463" y="3182938"/>
          <p14:tracePt t="26322" x="3573463" y="3149600"/>
          <p14:tracePt t="26338" x="3573463" y="3132138"/>
          <p14:tracePt t="26355" x="3573463" y="3124200"/>
          <p14:tracePt t="26371" x="3573463" y="3106738"/>
          <p14:tracePt t="26389" x="3556000" y="3090863"/>
          <p14:tracePt t="26405" x="3556000" y="3073400"/>
          <p14:tracePt t="26421" x="3556000" y="3065463"/>
          <p14:tracePt t="26487" x="3556000" y="3048000"/>
          <p14:tracePt t="26530" x="3556000" y="3030538"/>
          <p14:tracePt t="26538" x="3556000" y="3014663"/>
          <p14:tracePt t="26588" x="3556000" y="2997200"/>
          <p14:tracePt t="26602" x="3548063" y="2997200"/>
          <p14:tracePt t="27132" x="3548063" y="2989263"/>
          <p14:tracePt t="27140" x="3548063" y="2971800"/>
          <p14:tracePt t="27155" x="3548063" y="2928938"/>
          <p14:tracePt t="27171" x="3548063" y="2913063"/>
          <p14:tracePt t="27187" x="3548063" y="2895600"/>
          <p14:tracePt t="27205" x="3530600" y="2870200"/>
          <p14:tracePt t="27221" x="3530600" y="2836863"/>
          <p14:tracePt t="27238" x="3497263" y="2801938"/>
          <p14:tracePt t="27255" x="3471863" y="2794000"/>
          <p14:tracePt t="27272" x="3454400" y="2819400"/>
          <p14:tracePt t="27289" x="3421063" y="2928938"/>
          <p14:tracePt t="27305" x="3378200" y="3030538"/>
          <p14:tracePt t="27322" x="3378200" y="3065463"/>
          <p14:tracePt t="27882" x="3378200" y="3048000"/>
          <p14:tracePt t="27889" x="3378200" y="3030538"/>
          <p14:tracePt t="27904" x="3378200" y="2997200"/>
          <p14:tracePt t="27921" x="3378200" y="2989263"/>
          <p14:tracePt t="27955" x="3378200" y="2971800"/>
          <p14:tracePt t="27971" x="3378200" y="2954338"/>
          <p14:tracePt t="27988" x="3378200" y="2928938"/>
          <p14:tracePt t="28005" x="3378200" y="2895600"/>
          <p14:tracePt t="28055" x="3360738" y="2852738"/>
          <p14:tracePt t="28072" x="3319463" y="2760663"/>
          <p14:tracePt t="28089" x="3284538" y="2735263"/>
          <p14:tracePt t="28105" x="3243263" y="2659063"/>
          <p14:tracePt t="28122" x="3141663" y="2547938"/>
          <p14:tracePt t="28139" x="3081338" y="2489200"/>
          <p14:tracePt t="28155" x="3048000" y="2463800"/>
          <p14:tracePt t="28171" x="3014663" y="2430463"/>
          <p14:tracePt t="28188" x="3005138" y="2430463"/>
          <p14:tracePt t="28205" x="2989263" y="2413000"/>
          <p14:tracePt t="28222" x="2946400" y="2387600"/>
          <p14:tracePt t="28239" x="2913063" y="2354263"/>
          <p14:tracePt t="28256" x="2852738" y="2328863"/>
          <p14:tracePt t="28273" x="2776538" y="2268538"/>
          <p14:tracePt t="28290" x="2684463" y="2192338"/>
          <p14:tracePt t="28306" x="2598738" y="2141538"/>
          <p14:tracePt t="28308" x="2598738" y="2133600"/>
          <p14:tracePt t="28829" x="2700338" y="2159000"/>
          <p14:tracePt t="28836" x="2895600" y="2192338"/>
          <p14:tracePt t="28855" x="3090863" y="2209800"/>
          <p14:tracePt t="28872" x="3319463" y="2217738"/>
          <p14:tracePt t="28888" x="3843338" y="2293938"/>
          <p14:tracePt t="28905" x="4564063" y="2413000"/>
          <p14:tracePt t="28922" x="5011738" y="2540000"/>
          <p14:tracePt t="28938" x="5300663" y="2624138"/>
          <p14:tracePt t="28955" x="5435600" y="2659063"/>
          <p14:tracePt t="28972" x="5478463" y="2667000"/>
          <p14:tracePt t="29005" x="5478463" y="2641600"/>
          <p14:tracePt t="29022" x="5478463" y="2608263"/>
          <p14:tracePt t="29055" x="5478463" y="2547938"/>
          <p14:tracePt t="29072" x="5453063" y="2506663"/>
          <p14:tracePt t="29075" x="5435600" y="2471738"/>
          <p14:tracePt t="29089" x="5435600" y="2463800"/>
          <p14:tracePt t="29105" x="5435600" y="2446338"/>
          <p14:tracePt t="29121" x="5418138" y="2446338"/>
          <p14:tracePt t="29139" x="5418138" y="2430463"/>
          <p14:tracePt t="29908" x="5392738" y="2413000"/>
          <p14:tracePt t="29914" x="5376863" y="2405063"/>
          <p14:tracePt t="29921" x="5334000" y="2387600"/>
          <p14:tracePt t="29938" x="5316538" y="2387600"/>
          <p14:tracePt t="29955" x="5265738" y="2370138"/>
          <p14:tracePt t="29972" x="5181600" y="2336800"/>
          <p14:tracePt t="29988" x="5105400" y="2328863"/>
          <p14:tracePt t="30005" x="5029200" y="2311400"/>
          <p14:tracePt t="30022" x="5003800" y="2311400"/>
          <p14:tracePt t="30402" x="4986338" y="2336800"/>
          <p14:tracePt t="30412" x="4970463" y="2354263"/>
          <p14:tracePt t="30438" x="4970463" y="2370138"/>
          <p14:tracePt t="30455" x="4953000" y="2387600"/>
          <p14:tracePt t="30559" x="4953000" y="2405063"/>
          <p14:tracePt t="30568" x="4953000" y="2413000"/>
          <p14:tracePt t="30586" x="4953000" y="2430463"/>
          <p14:tracePt t="30605" x="4953000" y="2446338"/>
          <p14:tracePt t="30622" x="4953000" y="2463800"/>
          <p14:tracePt t="30638" x="4953000" y="2471738"/>
          <p14:tracePt t="30808" x="4953000" y="2489200"/>
          <p14:tracePt t="30822" x="4935538" y="2489200"/>
          <p14:tracePt t="30846" x="4935538" y="2506663"/>
          <p14:tracePt t="30905" x="4935538" y="2522538"/>
          <p14:tracePt t="30914" x="4927600" y="2522538"/>
          <p14:tracePt t="30938" x="4927600" y="2540000"/>
          <p14:tracePt t="30955" x="4910138" y="2540000"/>
          <p14:tracePt t="30972" x="4894263" y="2547938"/>
          <p14:tracePt t="30988" x="4876800" y="2565400"/>
          <p14:tracePt t="31005" x="4851400" y="2598738"/>
          <p14:tracePt t="31022" x="4833938" y="2598738"/>
          <p14:tracePt t="31039" x="4818063" y="2598738"/>
          <p14:tracePt t="31055" x="4800600" y="2608263"/>
          <p14:tracePt t="31198" x="4757738" y="2624138"/>
          <p14:tracePt t="31207" x="4741863" y="2624138"/>
          <p14:tracePt t="31220" x="4716463" y="2641600"/>
          <p14:tracePt t="31238" x="4673600" y="2659063"/>
          <p14:tracePt t="31255" x="4605338" y="2667000"/>
          <p14:tracePt t="31272" x="4579938" y="2684463"/>
          <p14:tracePt t="31288" x="4564063" y="2684463"/>
          <p14:tracePt t="31446" x="4538663" y="2684463"/>
          <p14:tracePt t="31471" x="4503738" y="2684463"/>
          <p14:tracePt t="31488" x="4470400" y="2684463"/>
          <p14:tracePt t="31505" x="4386263" y="2684463"/>
          <p14:tracePt t="31520" x="4140200" y="2700338"/>
          <p14:tracePt t="31538" x="3903663" y="2717800"/>
          <p14:tracePt t="31555" x="3708400" y="2700338"/>
          <p14:tracePt t="31572" x="3589338" y="2667000"/>
          <p14:tracePt t="31589" x="3378200" y="2624138"/>
          <p14:tracePt t="31605" x="3259138" y="2598738"/>
          <p14:tracePt t="31622" x="3225800" y="2582863"/>
          <p14:tracePt t="31702" x="3217863" y="2582863"/>
          <p14:tracePt t="31712" x="3217863" y="2565400"/>
          <p14:tracePt t="31730" x="3200400" y="2565400"/>
          <p14:tracePt t="31738" x="3200400" y="2547938"/>
          <p14:tracePt t="31772" x="3182938" y="2540000"/>
          <p14:tracePt t="31788" x="3182938" y="2522538"/>
          <p14:tracePt t="31822" x="3167063" y="2506663"/>
          <p14:tracePt t="32707" x="3167063" y="2522538"/>
          <p14:tracePt t="32713" x="3167063" y="2540000"/>
          <p14:tracePt t="32721" x="3182938" y="2547938"/>
          <p14:tracePt t="32738" x="3182938" y="2582863"/>
          <p14:tracePt t="32755" x="3200400" y="2598738"/>
          <p14:tracePt t="32772" x="3200400" y="2641600"/>
          <p14:tracePt t="32788" x="3217863" y="2684463"/>
          <p14:tracePt t="32805" x="3217863" y="2700338"/>
          <p14:tracePt t="32822" x="3225800" y="2700338"/>
          <p14:tracePt t="32839" x="3225800" y="2717800"/>
          <p14:tracePt t="32855" x="3243263" y="2735263"/>
          <p14:tracePt t="32872" x="3243263" y="2743200"/>
          <p14:tracePt t="32888" x="3259138" y="2743200"/>
          <p14:tracePt t="32890" x="3259138" y="2760663"/>
          <p14:tracePt t="32922" x="3259138" y="2776538"/>
          <p14:tracePt t="32931" x="3276600" y="2776538"/>
          <p14:tracePt t="32971" x="3276600" y="2794000"/>
          <p14:tracePt t="33035" x="3284538" y="2794000"/>
          <p14:tracePt t="33560" x="3276600" y="2794000"/>
          <p14:tracePt t="33589" x="3276600" y="2776538"/>
          <p14:tracePt t="33599" x="3259138" y="2776538"/>
          <p14:tracePt t="33607" x="3259138" y="2760663"/>
          <p14:tracePt t="33638" x="3243263" y="2760663"/>
          <p14:tracePt t="33655" x="3243263" y="2743200"/>
          <p14:tracePt t="33671" x="3243263" y="2735263"/>
          <p14:tracePt t="33688" x="3243263" y="2717800"/>
          <p14:tracePt t="33705" x="3225800" y="2684463"/>
          <p14:tracePt t="33722" x="3217863" y="2667000"/>
          <p14:tracePt t="33738" x="3217863" y="2641600"/>
          <p14:tracePt t="33755" x="3217863" y="2624138"/>
          <p14:tracePt t="33772" x="3200400" y="2608263"/>
          <p14:tracePt t="33793" x="3200400" y="2598738"/>
          <p14:tracePt t="33982" x="3200400" y="2582863"/>
          <p14:tracePt t="33989" x="3200400" y="2565400"/>
          <p14:tracePt t="34003" x="3182938" y="2540000"/>
          <p14:tracePt t="34022" x="3167063" y="2522538"/>
          <p14:tracePt t="34038" x="3149600" y="2463800"/>
          <p14:tracePt t="34055" x="3141663" y="2405063"/>
          <p14:tracePt t="34072" x="3124200" y="2387600"/>
          <p14:tracePt t="34088" x="3124200" y="2370138"/>
          <p14:tracePt t="34105" x="3106738" y="2370138"/>
          <p14:tracePt t="34122" x="3106738" y="2354263"/>
          <p14:tracePt t="34155" x="3106738" y="2336800"/>
          <p14:tracePt t="34171" x="3106738" y="2328863"/>
          <p14:tracePt t="34189" x="3106738" y="2311400"/>
          <p14:tracePt t="34986" x="3106738" y="2328863"/>
          <p14:tracePt t="35000" x="3090863" y="2328863"/>
          <p14:tracePt t="35098" x="3090863" y="2336800"/>
          <p14:tracePt t="35144" x="3090863" y="2354263"/>
          <p14:tracePt t="35151" x="3081338" y="2354263"/>
          <p14:tracePt t="36914" x="3065463" y="2405063"/>
          <p14:tracePt t="36921" x="3048000" y="2446338"/>
          <p14:tracePt t="36938" x="3030538" y="2463800"/>
          <p14:tracePt t="36955" x="3030538" y="2471738"/>
          <p14:tracePt t="36971" x="3014663" y="2506663"/>
          <p14:tracePt t="36987" x="3014663" y="2522538"/>
          <p14:tracePt t="41097" x="2946400" y="2489200"/>
          <p14:tracePt t="41107" x="2928938" y="2471738"/>
          <p14:tracePt t="41121" x="2913063" y="2471738"/>
          <p14:tracePt t="41138" x="2895600" y="2471738"/>
          <p14:tracePt t="41155" x="2870200" y="2463800"/>
          <p14:tracePt t="41171" x="2735263" y="2446338"/>
          <p14:tracePt t="41188" x="2582863" y="2471738"/>
          <p14:tracePt t="41205" x="2370138" y="2547938"/>
          <p14:tracePt t="41221" x="2116138" y="2684463"/>
          <p14:tracePt t="41239" x="1998663" y="2776538"/>
          <p14:tracePt t="41255" x="1938338" y="2836863"/>
          <p14:tracePt t="41271" x="1938338" y="2895600"/>
          <p14:tracePt t="41288" x="1905000" y="2997200"/>
          <p14:tracePt t="41304" x="1887538" y="3124200"/>
          <p14:tracePt t="41322" x="1879600" y="3243263"/>
          <p14:tracePt t="41338" x="1879600" y="3395663"/>
          <p14:tracePt t="41355" x="1887538" y="3530600"/>
          <p14:tracePt t="41372" x="1905000" y="3632200"/>
          <p14:tracePt t="41389" x="1922463" y="3725863"/>
          <p14:tracePt t="41406" x="1922463" y="3784600"/>
          <p14:tracePt t="41423" x="1938338" y="3868738"/>
          <p14:tracePt t="41438" x="1955800" y="4114800"/>
          <p14:tracePt t="41455" x="1981200" y="4249738"/>
          <p14:tracePt t="41471" x="1998663" y="4335463"/>
          <p14:tracePt t="41489" x="2014538" y="4368800"/>
          <p14:tracePt t="41506" x="2024063" y="4386263"/>
          <p14:tracePt t="41522" x="2039938" y="4411663"/>
          <p14:tracePt t="41539" x="2057400" y="4445000"/>
          <p14:tracePt t="41556" x="2074863" y="4452938"/>
          <p14:tracePt t="41572" x="2090738" y="4487863"/>
          <p14:tracePt t="41589" x="2100263" y="4546600"/>
          <p14:tracePt t="41605" x="2133600" y="4589463"/>
          <p14:tracePt t="41622" x="2176463" y="4622800"/>
          <p14:tracePt t="41639" x="2209800" y="4622800"/>
          <p14:tracePt t="41656" x="2235200" y="4622800"/>
          <p14:tracePt t="41708" x="2235200" y="4640263"/>
          <p14:tracePt t="41719" x="2217738" y="4648200"/>
          <p14:tracePt t="41726" x="2217738" y="4665663"/>
          <p14:tracePt t="41737" x="2217738" y="4681538"/>
          <p14:tracePt t="41754" x="2217738" y="4699000"/>
          <p14:tracePt t="41771" x="2217738" y="4724400"/>
          <p14:tracePt t="41788" x="2217738" y="4757738"/>
          <p14:tracePt t="41804" x="2217738" y="4775200"/>
          <p14:tracePt t="41983" x="2252663" y="4775200"/>
          <p14:tracePt t="41992" x="2268538" y="4775200"/>
          <p14:tracePt t="42004" x="2286000" y="4775200"/>
          <p14:tracePt t="42021" x="2293938" y="4757738"/>
          <p14:tracePt t="42055" x="2328863" y="4757738"/>
          <p14:tracePt t="42071" x="2370138" y="4757738"/>
          <p14:tracePt t="42087" x="2387600" y="4757738"/>
          <p14:tracePt t="42089" x="2405063" y="4757738"/>
          <p14:tracePt t="42130" x="2420938" y="4741863"/>
          <p14:tracePt t="42390" x="2420938" y="4724400"/>
          <p14:tracePt t="42396" x="2420938" y="4716463"/>
          <p14:tracePt t="42403" x="2420938" y="4699000"/>
          <p14:tracePt t="42437" x="2405063" y="4665663"/>
          <p14:tracePt t="42454" x="2405063" y="4640263"/>
          <p14:tracePt t="42471" x="2370138" y="4579938"/>
          <p14:tracePt t="42488" x="2344738" y="4521200"/>
          <p14:tracePt t="42504" x="2344738" y="4503738"/>
          <p14:tracePt t="42537" x="2328863" y="4503738"/>
          <p14:tracePt t="42539" x="2328863" y="4487863"/>
          <p14:tracePt t="42571" x="2328863" y="4470400"/>
          <p14:tracePt t="42588" x="2311400" y="4470400"/>
          <p14:tracePt t="42622" x="2293938" y="4470400"/>
          <p14:tracePt t="42638" x="2286000" y="4452938"/>
          <p14:tracePt t="42654" x="2252663" y="4445000"/>
          <p14:tracePt t="42671" x="2192338" y="4445000"/>
          <p14:tracePt t="42689" x="2100263" y="4394200"/>
          <p14:tracePt t="42705" x="1938338" y="4351338"/>
          <p14:tracePt t="42722" x="1803400" y="4318000"/>
          <p14:tracePt t="42739" x="1684338" y="4292600"/>
          <p14:tracePt t="42755" x="1549400" y="4275138"/>
          <p14:tracePt t="42773" x="1473200" y="4259263"/>
          <p14:tracePt t="42789" x="1422400" y="4249738"/>
          <p14:tracePt t="42810" x="1414463" y="4249738"/>
          <p14:tracePt t="42864" x="1397000" y="4249738"/>
          <p14:tracePt t="42871" x="1379538" y="4249738"/>
          <p14:tracePt t="42905" x="1363663" y="4249738"/>
          <p14:tracePt t="42921" x="1354138" y="4233863"/>
          <p14:tracePt t="42938" x="1338263" y="4233863"/>
          <p14:tracePt t="42971" x="1303338" y="4233863"/>
          <p14:tracePt t="42989" x="1295400" y="4233863"/>
          <p14:tracePt t="43005" x="1277938" y="4233863"/>
          <p14:tracePt t="43416" x="1295400" y="4259263"/>
          <p14:tracePt t="43424" x="1320800" y="4292600"/>
          <p14:tracePt t="43432" x="1320800" y="4310063"/>
          <p14:tracePt t="43440" x="1354138" y="4335463"/>
          <p14:tracePt t="43471" x="1363663" y="4368800"/>
          <p14:tracePt t="43488" x="1397000" y="4386263"/>
          <p14:tracePt t="43504" x="1397000" y="4394200"/>
          <p14:tracePt t="43521" x="1414463" y="4394200"/>
          <p14:tracePt t="43536" x="1414463" y="4411663"/>
          <p14:tracePt t="43555" x="1422400" y="4411663"/>
          <p14:tracePt t="43571" x="1422400" y="4427538"/>
          <p14:tracePt t="43588" x="1439863" y="4427538"/>
          <p14:tracePt t="43604" x="1455738" y="4445000"/>
          <p14:tracePt t="43622" x="1473200" y="4452938"/>
          <p14:tracePt t="43638" x="1473200" y="4470400"/>
          <p14:tracePt t="43655" x="1490663" y="4470400"/>
          <p14:tracePt t="43671" x="1490663" y="4487863"/>
          <p14:tracePt t="43688" x="1498600" y="4503738"/>
          <p14:tracePt t="43942" x="1574800" y="4564063"/>
          <p14:tracePt t="43954" x="1608138" y="4589463"/>
          <p14:tracePt t="43971" x="1668463" y="4622800"/>
          <p14:tracePt t="43988" x="1744663" y="4681538"/>
          <p14:tracePt t="44004" x="1803400" y="4724400"/>
          <p14:tracePt t="44021" x="1905000" y="4800600"/>
          <p14:tracePt t="44038" x="1998663" y="4843463"/>
          <p14:tracePt t="44055" x="2133600" y="4935538"/>
          <p14:tracePt t="44071" x="2176463" y="4970463"/>
          <p14:tracePt t="44088" x="2209800" y="4978400"/>
          <p14:tracePt t="44091" x="2209800" y="4995863"/>
          <p14:tracePt t="44104" x="2217738" y="5011738"/>
          <p14:tracePt t="44138" x="2235200" y="5046663"/>
          <p14:tracePt t="44155" x="2252663" y="5087938"/>
          <p14:tracePt t="44172" x="2293938" y="5164138"/>
          <p14:tracePt t="44189" x="2344738" y="5249863"/>
          <p14:tracePt t="44204" x="2405063" y="5341938"/>
          <p14:tracePt t="44221" x="2522538" y="5478463"/>
          <p14:tracePt t="44238" x="2616200" y="5580063"/>
          <p14:tracePt t="44255" x="2684463" y="5656263"/>
          <p14:tracePt t="44271" x="2776538" y="5732463"/>
          <p14:tracePt t="44288" x="2870200" y="5791200"/>
          <p14:tracePt t="44305" x="2954338" y="5834063"/>
          <p14:tracePt t="44322" x="3065463" y="5867400"/>
          <p14:tracePt t="44338" x="3167063" y="5884863"/>
          <p14:tracePt t="44355" x="3302000" y="5900738"/>
          <p14:tracePt t="44371" x="3421063" y="5910263"/>
          <p14:tracePt t="44388" x="3513138" y="5910263"/>
          <p14:tracePt t="44405" x="3556000" y="5910263"/>
          <p14:tracePt t="44422" x="3573463" y="5910263"/>
          <p14:tracePt t="44438" x="3589338" y="5926138"/>
          <p14:tracePt t="44455" x="3606800" y="5926138"/>
          <p14:tracePt t="44472" x="3649663" y="5943600"/>
          <p14:tracePt t="44489" x="3690938" y="5943600"/>
          <p14:tracePt t="44505" x="3767138" y="5969000"/>
          <p14:tracePt t="44522" x="3784600" y="5969000"/>
          <p14:tracePt t="44539" x="3810000" y="5969000"/>
          <p14:tracePt t="44573" x="3827463" y="5969000"/>
          <p14:tracePt t="44625" x="3827463" y="5986463"/>
          <p14:tracePt t="44931" x="3827463" y="5969000"/>
          <p14:tracePt t="44947" x="3827463" y="5961063"/>
          <p14:tracePt t="45044" x="3827463" y="5943600"/>
          <p14:tracePt t="45053" x="3843338" y="5943600"/>
          <p14:tracePt t="45087" x="3860800" y="5926138"/>
          <p14:tracePt t="45105" x="3878263" y="5910263"/>
          <p14:tracePt t="45121" x="3937000" y="5900738"/>
          <p14:tracePt t="45138" x="3944938" y="5884863"/>
          <p14:tracePt t="45155" x="3962400" y="5884863"/>
          <p14:tracePt t="45210" x="3962400" y="5867400"/>
          <p14:tracePt t="45224" x="3962400" y="5849938"/>
          <p14:tracePt t="45254" x="3944938" y="5824538"/>
          <p14:tracePt t="45288" x="3937000" y="5765800"/>
          <p14:tracePt t="45304" x="3919538" y="5732463"/>
          <p14:tracePt t="45321" x="3886200" y="5672138"/>
          <p14:tracePt t="45337" x="3843338" y="5613400"/>
          <p14:tracePt t="45355" x="3827463" y="5580063"/>
          <p14:tracePt t="45371" x="3827463" y="5570538"/>
          <p14:tracePt t="45388" x="3827463" y="5554663"/>
          <p14:tracePt t="45404" x="3827463" y="5519738"/>
          <p14:tracePt t="45422" x="3810000" y="5519738"/>
          <p14:tracePt t="45438" x="3810000" y="5503863"/>
          <p14:tracePt t="45456" x="3810000" y="5494338"/>
          <p14:tracePt t="45503" x="3810000" y="5478463"/>
          <p14:tracePt t="45520" x="3802063" y="5478463"/>
          <p14:tracePt t="45538" x="3802063" y="5461000"/>
          <p14:tracePt t="45571" x="3784600" y="5435600"/>
          <p14:tracePt t="45622" x="3784600" y="5418138"/>
          <p14:tracePt t="45654" x="3767138" y="5418138"/>
          <p14:tracePt t="45682" x="3767138" y="5402263"/>
          <p14:tracePt t="45720" x="3767138" y="5384800"/>
          <p14:tracePt t="46363" x="3802063" y="5384800"/>
          <p14:tracePt t="46372" x="3886200" y="5384800"/>
          <p14:tracePt t="46388" x="3995738" y="5384800"/>
          <p14:tracePt t="46403" x="4097338" y="5402263"/>
          <p14:tracePt t="46421" x="4411663" y="5443538"/>
          <p14:tracePt t="46438" x="4868863" y="5519738"/>
          <p14:tracePt t="46455" x="5402263" y="5595938"/>
          <p14:tracePt t="46471" x="7129463" y="5961063"/>
          <p14:tracePt t="46487" x="8847138" y="6375400"/>
          <p14:tracePt t="46505" x="10371138" y="6764338"/>
          <p14:tracePt t="49172" x="10853738" y="6840538"/>
          <p14:tracePt t="49187" x="10769600" y="6824663"/>
          <p14:tracePt t="49204" x="10718800" y="6815138"/>
          <p14:tracePt t="49222" x="10660063" y="6799263"/>
          <p14:tracePt t="49237" x="10541000" y="6781800"/>
          <p14:tracePt t="49254" x="10507663" y="6781800"/>
          <p14:tracePt t="49271" x="10447338" y="6764338"/>
          <p14:tracePt t="49288" x="10421938" y="6764338"/>
          <p14:tracePt t="49305" x="10388600" y="6756400"/>
          <p14:tracePt t="49322" x="10304463" y="6738938"/>
          <p14:tracePt t="49338" x="10193338" y="6705600"/>
          <p14:tracePt t="49355" x="10117138" y="6697663"/>
          <p14:tracePt t="49372" x="9982200" y="6629400"/>
          <p14:tracePt t="49388" x="9923463" y="6604000"/>
          <p14:tracePt t="49405" x="9880600" y="6570663"/>
          <p14:tracePt t="49422" x="9847263" y="6570663"/>
          <p14:tracePt t="49438" x="9804400" y="6561138"/>
          <p14:tracePt t="49456" x="9804400" y="6545263"/>
          <p14:tracePt t="49487" x="9786938" y="6545263"/>
          <p14:tracePt t="49570" x="9786938" y="6527800"/>
          <p14:tracePt t="49575" x="9771063" y="6494463"/>
          <p14:tracePt t="49587" x="9761538" y="6484938"/>
          <p14:tracePt t="49605" x="9745663" y="6451600"/>
          <p14:tracePt t="49621" x="9710738" y="6408738"/>
          <p14:tracePt t="49638" x="9685338" y="6350000"/>
          <p14:tracePt t="49654" x="9644063" y="6291263"/>
          <p14:tracePt t="49672" x="9593263" y="6197600"/>
          <p14:tracePt t="49688" x="9507538" y="6096000"/>
          <p14:tracePt t="49703" x="9507538" y="6078538"/>
          <p14:tracePt t="49721" x="9491663" y="6062663"/>
          <p14:tracePt t="54333" x="9532938" y="6037263"/>
          <p14:tracePt t="54339" x="9652000" y="5961063"/>
          <p14:tracePt t="54354" x="9761538" y="5884863"/>
          <p14:tracePt t="54371" x="9821863" y="5824538"/>
          <p14:tracePt t="54387" x="9837738" y="5808663"/>
          <p14:tracePt t="54403" x="9847263" y="5791200"/>
          <p14:tracePt t="54421" x="9880600" y="5824538"/>
          <p14:tracePt t="54438" x="10228263" y="5961063"/>
          <p14:tracePt t="54454" x="10752138" y="6062663"/>
          <p14:tracePt t="54470" x="11785600" y="6180138"/>
          <p14:tracePt t="56503" x="10304463" y="6824663"/>
          <p14:tracePt t="56520" x="10304463" y="6799263"/>
          <p14:tracePt t="56554" x="10304463" y="6781800"/>
          <p14:tracePt t="56571" x="10304463" y="6764338"/>
          <p14:tracePt t="56588" x="10287000" y="6705600"/>
          <p14:tracePt t="56605" x="10269538" y="6680200"/>
          <p14:tracePt t="56621" x="10236200" y="6604000"/>
          <p14:tracePt t="56638" x="10236200" y="6586538"/>
          <p14:tracePt t="56655" x="10210800" y="6451600"/>
          <p14:tracePt t="56671" x="10167938" y="6316663"/>
          <p14:tracePt t="56673" x="10134600" y="6197600"/>
          <p14:tracePt t="56687" x="10134600" y="6138863"/>
          <p14:tracePt t="56704" x="10101263" y="6062663"/>
          <p14:tracePt t="56721" x="10101263" y="6002338"/>
          <p14:tracePt t="56738" x="10091738" y="5943600"/>
          <p14:tracePt t="56753" x="10075863" y="5900738"/>
          <p14:tracePt t="56771" x="10058400" y="5849938"/>
          <p14:tracePt t="56787" x="10040938" y="5808663"/>
          <p14:tracePt t="56805" x="10015538" y="5765800"/>
          <p14:tracePt t="56821" x="9999663" y="5732463"/>
          <p14:tracePt t="56838" x="9956800" y="5630863"/>
          <p14:tracePt t="56855" x="9898063" y="5537200"/>
          <p14:tracePt t="56872" x="9847263" y="5443538"/>
          <p14:tracePt t="56888" x="9821863" y="5376863"/>
          <p14:tracePt t="56905" x="9786938" y="5308600"/>
          <p14:tracePt t="56986" x="9786938" y="5300663"/>
          <p14:tracePt t="57019" x="9771063" y="5283200"/>
          <p14:tracePt t="57055" x="9771063" y="5265738"/>
          <p14:tracePt t="57087" x="9761538" y="5265738"/>
          <p14:tracePt t="57104" x="9761538" y="5249863"/>
          <p14:tracePt t="67387" x="9771063" y="5249863"/>
          <p14:tracePt t="67398" x="10312400" y="5570538"/>
          <p14:tracePt t="67404" x="11031538" y="6002338"/>
          <p14:tracePt t="67420" x="11904663" y="6494463"/>
        </p14:tracePtLst>
      </p14:laserTraceLst>
    </p:ext>
  </p:extLs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Data Analysis: Insight 2 </a:t>
            </a:r>
          </a:p>
        </p:txBody>
      </p:sp>
      <p:pic>
        <p:nvPicPr>
          <p:cNvPr id="3" name="Picture 2">
            <a:extLst>
              <a:ext uri="{FF2B5EF4-FFF2-40B4-BE49-F238E27FC236}">
                <a16:creationId xmlns:a16="http://schemas.microsoft.com/office/drawing/2014/main" id="{AF3C7C9A-EF17-23C6-8AC1-E8B18BFA3A43}"/>
              </a:ext>
            </a:extLst>
          </p:cNvPr>
          <p:cNvPicPr>
            <a:picLocks noChangeAspect="1"/>
          </p:cNvPicPr>
          <p:nvPr/>
        </p:nvPicPr>
        <p:blipFill>
          <a:blip r:embed="rId3"/>
          <a:stretch>
            <a:fillRect/>
          </a:stretch>
        </p:blipFill>
        <p:spPr>
          <a:xfrm>
            <a:off x="6073647" y="2835683"/>
            <a:ext cx="8903" cy="3744000"/>
          </a:xfrm>
          <a:prstGeom prst="rect">
            <a:avLst/>
          </a:prstGeom>
        </p:spPr>
      </p:pic>
      <p:sp>
        <p:nvSpPr>
          <p:cNvPr id="4" name="TextBox 3">
            <a:extLst>
              <a:ext uri="{FF2B5EF4-FFF2-40B4-BE49-F238E27FC236}">
                <a16:creationId xmlns:a16="http://schemas.microsoft.com/office/drawing/2014/main" id="{C0BD86A1-7F7C-FADB-4A5E-551CE4A30B63}"/>
              </a:ext>
            </a:extLst>
          </p:cNvPr>
          <p:cNvSpPr txBox="1"/>
          <p:nvPr/>
        </p:nvSpPr>
        <p:spPr>
          <a:xfrm rot="10800000" flipV="1">
            <a:off x="393492" y="1267288"/>
            <a:ext cx="11405015" cy="1443087"/>
          </a:xfrm>
          <a:prstGeom prst="rect">
            <a:avLst/>
          </a:prstGeom>
          <a:noFill/>
        </p:spPr>
        <p:txBody>
          <a:bodyPr wrap="square" rtlCol="0">
            <a:spAutoFit/>
          </a:bodyPr>
          <a:lstStyle/>
          <a:p>
            <a:pPr>
              <a:lnSpc>
                <a:spcPct val="150000"/>
              </a:lnSpc>
            </a:pPr>
            <a:r>
              <a:rPr lang="en-ZA" sz="1200" b="1" dirty="0">
                <a:latin typeface="Arial" panose="020B0604020202020204" pitchFamily="34" charset="0"/>
                <a:cs typeface="Arial" panose="020B0604020202020204" pitchFamily="34" charset="0"/>
              </a:rPr>
              <a:t>Insight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Insight two delves into the dynamics of hybrid and remote work arrangements, shedding light on their impact, benefits, and challenges in today's professional landscape.</a:t>
            </a:r>
          </a:p>
          <a:p>
            <a:pPr>
              <a:lnSpc>
                <a:spcPct val="150000"/>
              </a:lnSpc>
            </a:pPr>
            <a:r>
              <a:rPr lang="en-ZA" sz="1200" b="1" dirty="0">
                <a:latin typeface="Arial" panose="020B0604020202020204" pitchFamily="34" charset="0"/>
                <a:cs typeface="Arial" panose="020B0604020202020204" pitchFamily="34" charset="0"/>
              </a:rPr>
              <a:t>Recruitment Strategy</a:t>
            </a:r>
          </a:p>
          <a:p>
            <a:pPr marL="171450" indent="-171450">
              <a:lnSpc>
                <a:spcPct val="150000"/>
              </a:lnSpc>
              <a:buFont typeface="Arial" panose="020B0604020202020204" pitchFamily="34" charset="0"/>
              <a:buChar char="•"/>
            </a:pPr>
            <a:r>
              <a:rPr lang="en-ZA" sz="1200" dirty="0">
                <a:solidFill>
                  <a:srgbClr val="0D0D0D"/>
                </a:solidFill>
                <a:latin typeface="Arial" panose="020B0604020202020204" pitchFamily="34" charset="0"/>
                <a:cs typeface="Arial" panose="020B0604020202020204" pitchFamily="34" charset="0"/>
              </a:rPr>
              <a:t>Explore </a:t>
            </a:r>
            <a:r>
              <a:rPr lang="en-ZA" sz="1200" b="0" i="0" dirty="0">
                <a:solidFill>
                  <a:srgbClr val="0D0D0D"/>
                </a:solidFill>
                <a:effectLst/>
                <a:latin typeface="Arial" panose="020B0604020202020204" pitchFamily="34" charset="0"/>
                <a:cs typeface="Arial" panose="020B0604020202020204" pitchFamily="34" charset="0"/>
              </a:rPr>
              <a:t> the advantages of adopting hybrid and remote work setups, especially emphasizing the benefits they offer to Associates.</a:t>
            </a:r>
            <a:endParaRPr lang="en-ZA" sz="1200" dirty="0">
              <a:latin typeface="Arial" panose="020B0604020202020204" pitchFamily="34" charset="0"/>
              <a:cs typeface="Arial" panose="020B0604020202020204" pitchFamily="34" charset="0"/>
            </a:endParaRPr>
          </a:p>
        </p:txBody>
      </p:sp>
      <p:pic>
        <p:nvPicPr>
          <p:cNvPr id="6" name="Picture 5" descr="A graph showing a number of people sitting on their backs&#10;&#10;Description automatically generated with medium confidence">
            <a:extLst>
              <a:ext uri="{FF2B5EF4-FFF2-40B4-BE49-F238E27FC236}">
                <a16:creationId xmlns:a16="http://schemas.microsoft.com/office/drawing/2014/main" id="{D1320F33-3192-DDC3-B584-4C1BEAEDBF36}"/>
              </a:ext>
            </a:extLst>
          </p:cNvPr>
          <p:cNvPicPr>
            <a:picLocks noChangeAspect="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234689" y="3184967"/>
            <a:ext cx="5494395" cy="3437750"/>
          </a:xfrm>
          <a:prstGeom prst="rect">
            <a:avLst/>
          </a:prstGeom>
        </p:spPr>
      </p:pic>
      <p:pic>
        <p:nvPicPr>
          <p:cNvPr id="8" name="Picture 7" descr="A graph showing a number of jobs&#10;&#10;Description automatically generated">
            <a:extLst>
              <a:ext uri="{FF2B5EF4-FFF2-40B4-BE49-F238E27FC236}">
                <a16:creationId xmlns:a16="http://schemas.microsoft.com/office/drawing/2014/main" id="{2A313A99-5A62-F891-E964-08B8699BBB48}"/>
              </a:ext>
            </a:extLst>
          </p:cNvPr>
          <p:cNvPicPr>
            <a:picLocks noChangeAspect="1"/>
          </p:cNvPicPr>
          <p:nvPr/>
        </p:nvPicPr>
        <p:blipFill>
          <a:blip r:embed="rId5">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93492" y="3184967"/>
            <a:ext cx="5380826" cy="3437750"/>
          </a:xfrm>
          <a:prstGeom prst="rect">
            <a:avLst/>
          </a:prstGeom>
        </p:spPr>
      </p:pic>
    </p:spTree>
    <p:extLst>
      <p:ext uri="{BB962C8B-B14F-4D97-AF65-F5344CB8AC3E}">
        <p14:creationId xmlns:p14="http://schemas.microsoft.com/office/powerpoint/2010/main" val="2407512375"/>
      </p:ext>
    </p:extLst>
  </p:cSld>
  <p:clrMapOvr>
    <a:masterClrMapping/>
  </p:clrMapOvr>
  <p:transition spd="slow" advTm="69235">
    <p:push/>
  </p:transition>
  <p:extLst>
    <p:ext uri="{3A86A75C-4F4B-4683-9AE1-C65F6400EC91}">
      <p14:laserTraceLst xmlns:p14="http://schemas.microsoft.com/office/powerpoint/2010/main">
        <p14:tracePtLst>
          <p14:tracePt t="25228" x="12174538" y="119063"/>
          <p14:tracePt t="62920" x="12115800" y="423863"/>
          <p14:tracePt t="62933" x="12022138" y="312738"/>
          <p14:tracePt t="62945" x="11980863" y="236538"/>
          <p14:tracePt t="62962" x="11895138" y="119063"/>
          <p14:tracePt t="66633" x="9626600" y="642938"/>
          <p14:tracePt t="66646" x="4986338" y="1084263"/>
          <p14:tracePt t="66662" x="693738" y="1727200"/>
          <p14:tracePt t="66716" x="6367463" y="914400"/>
          <p14:tracePt t="66729" x="10718800" y="101600"/>
          <p14:tracePt t="67746" x="3810000" y="93663"/>
          <p14:tracePt t="67762" x="3827463" y="101600"/>
          <p14:tracePt t="67781" x="4021138" y="101600"/>
        </p14:tracePtLst>
      </p14:laserTraceLst>
    </p:ext>
  </p:extLst>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FormConfiguration><![CDATA[{"formFields":[],"formDataEntries":[]}]]></TemplafyFormConfiguration>
</file>

<file path=customXml/item2.xml><?xml version="1.0" encoding="utf-8"?>
<TemplafySlideFormConfiguration><![CDATA[{"formFields":[],"formDataEntries":[]}]]></TemplafySlideFormConfiguration>
</file>

<file path=customXml/item3.xml><?xml version="1.0" encoding="utf-8"?>
<TemplafySlideTemplateConfiguration><![CDATA[{"slideVersion":1,"isValidatorEnabled":false,"isLocked":false,"elementsMetadata":[],"slideId":"638048769900279182","enableDocumentContentUpdater":false,"version":"2.0"}]]></TemplafySlideTemplateConfiguration>
</file>

<file path=customXml/item4.xml><?xml version="1.0" encoding="utf-8"?>
<TemplafyTemplateConfiguration><![CDATA[{"elementsMetadata":[],"transformationConfigurations":[],"templateName":"Template 2024","templateDescription":"","enableDocumentContentUpdater":false,"version":"2.0"}]]></TemplafyTemplateConfiguration>
</file>

<file path=customXml/itemProps1.xml><?xml version="1.0" encoding="utf-8"?>
<ds:datastoreItem xmlns:ds="http://schemas.openxmlformats.org/officeDocument/2006/customXml" ds:itemID="{9A03A13C-D5E3-49F8-B37D-AFA024345652}">
  <ds:schemaRefs/>
</ds:datastoreItem>
</file>

<file path=customXml/itemProps2.xml><?xml version="1.0" encoding="utf-8"?>
<ds:datastoreItem xmlns:ds="http://schemas.openxmlformats.org/officeDocument/2006/customXml" ds:itemID="{318FE172-2E4A-41F3-98F3-1CD8CCD9375A}">
  <ds:schemaRefs/>
</ds:datastoreItem>
</file>

<file path=customXml/itemProps3.xml><?xml version="1.0" encoding="utf-8"?>
<ds:datastoreItem xmlns:ds="http://schemas.openxmlformats.org/officeDocument/2006/customXml" ds:itemID="{31A6E273-308C-4E61-93A6-3725B57DDBD2}">
  <ds:schemaRefs/>
</ds:datastoreItem>
</file>

<file path=customXml/itemProps4.xml><?xml version="1.0" encoding="utf-8"?>
<ds:datastoreItem xmlns:ds="http://schemas.openxmlformats.org/officeDocument/2006/customXml" ds:itemID="{43877E11-121F-45E2-A0FE-16DFA988BBD5}">
  <ds:schemaRefs/>
</ds:datastoreItem>
</file>

<file path=docProps/app.xml><?xml version="1.0" encoding="utf-8"?>
<Properties xmlns="http://schemas.openxmlformats.org/officeDocument/2006/extended-properties" xmlns:vt="http://schemas.openxmlformats.org/officeDocument/2006/docPropsVTypes">
  <Template/>
  <TotalTime>0</TotalTime>
  <Words>1925</Words>
  <Application>Microsoft Office PowerPoint</Application>
  <PresentationFormat>Widescreen</PresentationFormat>
  <Paragraphs>162</Paragraphs>
  <Slides>12</Slides>
  <Notes>7</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2</vt:i4>
      </vt:variant>
    </vt:vector>
  </HeadingPairs>
  <TitlesOfParts>
    <vt:vector size="19" baseType="lpstr">
      <vt:lpstr>Arial</vt:lpstr>
      <vt:lpstr>Calibri</vt:lpstr>
      <vt:lpstr>Century Gothic</vt:lpstr>
      <vt:lpstr>Garamond</vt:lpstr>
      <vt:lpstr>Wingdings</vt:lpstr>
      <vt:lpstr>DSV Template</vt:lpstr>
      <vt:lpstr>Savon</vt:lpstr>
      <vt:lpstr>Data Science Assignment 2</vt:lpstr>
      <vt:lpstr>Content</vt:lpstr>
      <vt:lpstr>1. Introduction  </vt:lpstr>
      <vt:lpstr>1. Introduction</vt:lpstr>
      <vt:lpstr>2. Data Exploration</vt:lpstr>
      <vt:lpstr>2. Data Exploration</vt:lpstr>
      <vt:lpstr>3. Data Preprocessing</vt:lpstr>
      <vt:lpstr>5. Data Analysis: Insight 1 </vt:lpstr>
      <vt:lpstr>5. Data Analysis: Insight 2 </vt:lpstr>
      <vt:lpstr>5. Data Analysis: Insight 3 </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6T20:59: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